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国勢調査利用申請\7.  成果完了報告\成果物\富山市HP掲載\"/>
    </mc:Choice>
  </mc:AlternateContent>
  <bookViews>
    <workbookView xWindow="0" yWindow="0" windowWidth="19200" windowHeight="11070"/>
  </bookViews>
  <sheets>
    <sheet name="3（地区・地域別）" sheetId="2" r:id="rId1"/>
  </sheets>
  <definedNames>
    <definedName name="_xlnm._FilterDatabase" localSheetId="0" hidden="1">'3（地区・地域別）'!$A$6:$V$96</definedName>
    <definedName name="_xlnm.Print_Area" localSheetId="0">'3（地区・地域別）'!$A$1:$V$98</definedName>
    <definedName name="_xlnm.Print_Titles" localSheetId="0">'3（地区・地域別）'!$1:$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9" uniqueCount="129">
  <si>
    <t>地域</t>
    <rPh sb="0" eb="2">
      <t>チイキ</t>
    </rPh>
    <phoneticPr fontId="4"/>
  </si>
  <si>
    <t>総数</t>
    <rPh sb="0" eb="2">
      <t>ソウスウ</t>
    </rPh>
    <phoneticPr fontId="4"/>
  </si>
  <si>
    <t>一般世帯</t>
    <rPh sb="0" eb="2">
      <t>イッパン</t>
    </rPh>
    <rPh sb="2" eb="4">
      <t>セタイ</t>
    </rPh>
    <phoneticPr fontId="4"/>
  </si>
  <si>
    <t>施設等の世帯</t>
    <rPh sb="0" eb="3">
      <t>シセツトウ</t>
    </rPh>
    <rPh sb="4" eb="6">
      <t>セタイ</t>
    </rPh>
    <phoneticPr fontId="4"/>
  </si>
  <si>
    <t>世帯数</t>
    <phoneticPr fontId="4"/>
  </si>
  <si>
    <t>世帯人員</t>
    <phoneticPr fontId="4"/>
  </si>
  <si>
    <t>世帯数</t>
    <rPh sb="0" eb="3">
      <t>セタイスウ</t>
    </rPh>
    <phoneticPr fontId="4"/>
  </si>
  <si>
    <t>世帯人員</t>
    <phoneticPr fontId="4"/>
  </si>
  <si>
    <t>１世帯当り人員</t>
    <rPh sb="1" eb="3">
      <t>セタイ</t>
    </rPh>
    <rPh sb="3" eb="4">
      <t>アタ</t>
    </rPh>
    <rPh sb="5" eb="7">
      <t>ジンイン</t>
    </rPh>
    <phoneticPr fontId="4"/>
  </si>
  <si>
    <t>世帯人員</t>
    <phoneticPr fontId="4"/>
  </si>
  <si>
    <t>総数</t>
    <phoneticPr fontId="4"/>
  </si>
  <si>
    <t>01 富山</t>
  </si>
  <si>
    <t>0001 総曲輪</t>
  </si>
  <si>
    <t>0002 愛宕</t>
  </si>
  <si>
    <t>0003 安野屋</t>
  </si>
  <si>
    <t>0004 八人町</t>
  </si>
  <si>
    <t>0005 五番町</t>
  </si>
  <si>
    <t>0006 柳町</t>
  </si>
  <si>
    <t>0007 清水町</t>
  </si>
  <si>
    <t>0008 星井町</t>
  </si>
  <si>
    <t>0009 西田地方</t>
  </si>
  <si>
    <t>0010 堀川</t>
  </si>
  <si>
    <t>0011 堀川南</t>
  </si>
  <si>
    <t>0012 東部</t>
  </si>
  <si>
    <t>0013 奥田</t>
  </si>
  <si>
    <t>0014 奥田北</t>
  </si>
  <si>
    <t>0015 桜谷</t>
  </si>
  <si>
    <t>0016 五福</t>
  </si>
  <si>
    <t>0017 神明</t>
  </si>
  <si>
    <t>0018 岩瀬</t>
  </si>
  <si>
    <t>0019 萩浦</t>
  </si>
  <si>
    <t>0020 大広田</t>
  </si>
  <si>
    <t>0021 浜黒崎</t>
  </si>
  <si>
    <t>0022 針原</t>
  </si>
  <si>
    <t>0023 豊田</t>
  </si>
  <si>
    <t>0024 広田</t>
  </si>
  <si>
    <t>0025 新庄</t>
  </si>
  <si>
    <t>0026 藤ノ木</t>
  </si>
  <si>
    <t>0027 山室</t>
  </si>
  <si>
    <t>0028 山室中部</t>
  </si>
  <si>
    <t>0029 太田</t>
  </si>
  <si>
    <t>0030 蜷川</t>
  </si>
  <si>
    <t>0031 新保</t>
  </si>
  <si>
    <t>0032 熊野</t>
  </si>
  <si>
    <t>0033 月岡</t>
  </si>
  <si>
    <t>0034 四方</t>
  </si>
  <si>
    <t>0035 八幡</t>
  </si>
  <si>
    <t>0036 草島</t>
  </si>
  <si>
    <t>0037 倉垣</t>
  </si>
  <si>
    <t>0038 呉羽</t>
  </si>
  <si>
    <t>0039 長岡</t>
  </si>
  <si>
    <t>0040 寒江</t>
  </si>
  <si>
    <t>0041 古沢</t>
  </si>
  <si>
    <t>0042 老田</t>
  </si>
  <si>
    <t>0043 池多</t>
  </si>
  <si>
    <t>0044 水橋中部</t>
  </si>
  <si>
    <t>0045 水橋西部</t>
  </si>
  <si>
    <t>0046 水橋東部</t>
  </si>
  <si>
    <t>0047 三郷</t>
  </si>
  <si>
    <t>0048 上条</t>
  </si>
  <si>
    <t>0049 光陽</t>
  </si>
  <si>
    <t>0050 新庄北</t>
  </si>
  <si>
    <t>02 大沢野</t>
  </si>
  <si>
    <t>0101 下タ</t>
  </si>
  <si>
    <t>0102 小羽</t>
  </si>
  <si>
    <t>0104 大沢野</t>
  </si>
  <si>
    <t>0105 大久保</t>
  </si>
  <si>
    <t>03 大山</t>
  </si>
  <si>
    <t>0201 上滝</t>
  </si>
  <si>
    <t>0202 大山</t>
  </si>
  <si>
    <t>0203 大庄</t>
  </si>
  <si>
    <t>0204 福沢</t>
  </si>
  <si>
    <t>04 八尾</t>
  </si>
  <si>
    <t>0301 八尾</t>
  </si>
  <si>
    <t>0302 保内</t>
  </si>
  <si>
    <t>0303 杉原</t>
  </si>
  <si>
    <t>0304 卯花</t>
  </si>
  <si>
    <t>0305 室牧</t>
  </si>
  <si>
    <t>0306 黒瀬谷</t>
  </si>
  <si>
    <t>0307 野積</t>
  </si>
  <si>
    <t>0308 仁歩</t>
  </si>
  <si>
    <t>0309 大長谷</t>
  </si>
  <si>
    <t>05 婦中</t>
  </si>
  <si>
    <t>0401 速星</t>
  </si>
  <si>
    <t>0402 鵜坂</t>
  </si>
  <si>
    <t>0403 朝日</t>
  </si>
  <si>
    <t>0404 宮川</t>
  </si>
  <si>
    <t>0405 婦中熊野</t>
  </si>
  <si>
    <t>0406 古里</t>
  </si>
  <si>
    <t>0407 音川</t>
  </si>
  <si>
    <t>0408 神保</t>
  </si>
  <si>
    <t>06 山田</t>
  </si>
  <si>
    <t>0501 山田南部</t>
  </si>
  <si>
    <t>0502 山田中部</t>
  </si>
  <si>
    <t>0503 山田西部</t>
  </si>
  <si>
    <t>0504 山田東部</t>
  </si>
  <si>
    <t>07 細入</t>
  </si>
  <si>
    <t>0601 細入北部</t>
  </si>
  <si>
    <t>0602 細入南部</t>
  </si>
  <si>
    <t>地区名</t>
    <rPh sb="0" eb="3">
      <t>チクメイ</t>
    </rPh>
    <phoneticPr fontId="4"/>
  </si>
  <si>
    <t>（再掲）核家族世帯数</t>
    <rPh sb="1" eb="3">
      <t>サイケイ</t>
    </rPh>
    <rPh sb="4" eb="7">
      <t>カクカゾク</t>
    </rPh>
    <rPh sb="7" eb="9">
      <t>セタイ</t>
    </rPh>
    <rPh sb="9" eb="10">
      <t>スウ</t>
    </rPh>
    <phoneticPr fontId="3"/>
  </si>
  <si>
    <t>夫婦と子供から成る世帯</t>
    <rPh sb="0" eb="2">
      <t>フウフ</t>
    </rPh>
    <rPh sb="3" eb="5">
      <t>コドモ</t>
    </rPh>
    <rPh sb="7" eb="8">
      <t>ナ</t>
    </rPh>
    <rPh sb="9" eb="11">
      <t>セタイ</t>
    </rPh>
    <phoneticPr fontId="3"/>
  </si>
  <si>
    <t>世帯人員が1人</t>
    <phoneticPr fontId="4"/>
  </si>
  <si>
    <t>世帯人員が2人</t>
    <phoneticPr fontId="4"/>
  </si>
  <si>
    <t>世帯人員が3人</t>
    <phoneticPr fontId="4"/>
  </si>
  <si>
    <t>世帯人員が4人</t>
    <phoneticPr fontId="4"/>
  </si>
  <si>
    <t>世帯人員が5人</t>
    <phoneticPr fontId="4"/>
  </si>
  <si>
    <t>世帯人員が6人</t>
    <phoneticPr fontId="4"/>
  </si>
  <si>
    <t>01 富山 集計</t>
  </si>
  <si>
    <t>02 大沢野 集計</t>
  </si>
  <si>
    <t>03 大山 集計</t>
  </si>
  <si>
    <t>04 八尾 集計</t>
  </si>
  <si>
    <t>05 婦中 集計</t>
  </si>
  <si>
    <t>06 山田 集計</t>
  </si>
  <si>
    <t>07 細入 集計</t>
  </si>
  <si>
    <t>総計</t>
  </si>
  <si>
    <t>夫婦のみの
世帯</t>
    <rPh sb="0" eb="2">
      <t>フウフ</t>
    </rPh>
    <rPh sb="6" eb="8">
      <t>セタイ</t>
    </rPh>
    <phoneticPr fontId="3"/>
  </si>
  <si>
    <t>世帯人員が7人</t>
  </si>
  <si>
    <t>世帯人員が8人</t>
  </si>
  <si>
    <t>世帯人員が9人</t>
  </si>
  <si>
    <t>世帯人員が10人以上</t>
    <phoneticPr fontId="4"/>
  </si>
  <si>
    <t>0103 船峅</t>
    <rPh sb="5" eb="6">
      <t>フネ</t>
    </rPh>
    <phoneticPr fontId="3"/>
  </si>
  <si>
    <t>×</t>
  </si>
  <si>
    <t>（単位：人、世帯）</t>
    <rPh sb="1" eb="3">
      <t>タンイ</t>
    </rPh>
    <rPh sb="4" eb="5">
      <t>ニン</t>
    </rPh>
    <rPh sb="6" eb="8">
      <t>セタイ</t>
    </rPh>
    <phoneticPr fontId="3"/>
  </si>
  <si>
    <t>注：総務省統計局所管の「国勢調査」の調査票情報を利用して、富山市で独自に集計を行ったものである。</t>
    <rPh sb="0" eb="1">
      <t>チュウ</t>
    </rPh>
    <rPh sb="29" eb="32">
      <t>トヤマシ</t>
    </rPh>
    <phoneticPr fontId="4"/>
  </si>
  <si>
    <t xml:space="preserve">   ：国勢調査の基本単位区に基づいて集計しており、一部、実際の地区の区切りと異なる場合がある。</t>
    <rPh sb="4" eb="8">
      <t>コクセイチョウサ</t>
    </rPh>
    <rPh sb="9" eb="11">
      <t>キホン</t>
    </rPh>
    <rPh sb="11" eb="14">
      <t>タンイク</t>
    </rPh>
    <rPh sb="15" eb="16">
      <t>モト</t>
    </rPh>
    <rPh sb="19" eb="21">
      <t>シュウケイ</t>
    </rPh>
    <rPh sb="26" eb="28">
      <t>イチブ</t>
    </rPh>
    <rPh sb="29" eb="31">
      <t>ジッサイ</t>
    </rPh>
    <rPh sb="32" eb="34">
      <t>チク</t>
    </rPh>
    <rPh sb="35" eb="37">
      <t>クギ</t>
    </rPh>
    <rPh sb="39" eb="40">
      <t>コト</t>
    </rPh>
    <rPh sb="42" eb="44">
      <t>バアイ</t>
    </rPh>
    <phoneticPr fontId="4"/>
  </si>
  <si>
    <t>第3表　世帯の種類・世帯人員別世帯数及び世帯人員－地区・地域別</t>
    <rPh sb="25" eb="27">
      <t>チク</t>
    </rPh>
    <rPh sb="28" eb="31">
      <t>チイキベツ</t>
    </rPh>
    <phoneticPr fontId="3"/>
  </si>
  <si>
    <t>総数 1)</t>
    <rPh sb="0" eb="2">
      <t>ソウスウ</t>
    </rPh>
    <phoneticPr fontId="3"/>
  </si>
  <si>
    <t xml:space="preserve">    ：１）総数には、世帯の種類「男親（女親）と子供から成る世帯」を含む。</t>
    <rPh sb="7" eb="9">
      <t>ソウスウ</t>
    </rPh>
    <rPh sb="12" eb="14">
      <t>セタイ</t>
    </rPh>
    <rPh sb="15" eb="17">
      <t>シュルイ</t>
    </rPh>
    <rPh sb="18" eb="20">
      <t>オトコオヤ</t>
    </rPh>
    <rPh sb="21" eb="22">
      <t>オンナ</t>
    </rPh>
    <rPh sb="22" eb="23">
      <t>オヤ</t>
    </rPh>
    <rPh sb="25" eb="27">
      <t>コドモ</t>
    </rPh>
    <rPh sb="29" eb="30">
      <t>ナ</t>
    </rPh>
    <rPh sb="31" eb="33">
      <t>セタイ</t>
    </rPh>
    <rPh sb="35" eb="36">
      <t>フ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;&quot;△ &quot;#,##0"/>
    <numFmt numFmtId="177" formatCode="#,##0.00;&quot;△ &quot;#,##0.00"/>
    <numFmt numFmtId="178" formatCode="#,##0_ "/>
    <numFmt numFmtId="179" formatCode="#,##0_);[Red]\(#,##0\)"/>
  </numFmts>
  <fonts count="13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1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9"/>
      <color indexed="8"/>
      <name val="游ゴシック"/>
      <family val="3"/>
      <charset val="128"/>
    </font>
    <font>
      <sz val="8"/>
      <color theme="1"/>
      <name val="游ゴシック"/>
      <family val="3"/>
      <charset val="128"/>
    </font>
    <font>
      <sz val="8"/>
      <color indexed="8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10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64"/>
      </left>
      <right/>
      <top style="thin">
        <color indexed="65"/>
      </top>
      <bottom/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thin">
        <color indexed="8"/>
      </bottom>
      <diagonal/>
    </border>
    <border>
      <left style="thin">
        <color indexed="65"/>
      </left>
      <right/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  <border>
      <left style="thin">
        <color indexed="8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auto="1"/>
      </bottom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/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5"/>
      </left>
      <right/>
      <top style="double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87">
    <xf numFmtId="0" fontId="0" fillId="0" borderId="0" xfId="0">
      <alignment vertical="center"/>
    </xf>
    <xf numFmtId="0" fontId="1" fillId="0" borderId="0" xfId="1">
      <alignment vertical="center"/>
    </xf>
    <xf numFmtId="176" fontId="2" fillId="0" borderId="0" xfId="1" applyNumberFormat="1" applyFont="1" applyAlignment="1">
      <alignment vertical="center"/>
    </xf>
    <xf numFmtId="177" fontId="2" fillId="0" borderId="0" xfId="1" applyNumberFormat="1" applyFont="1" applyAlignment="1">
      <alignment vertical="center"/>
    </xf>
    <xf numFmtId="176" fontId="1" fillId="0" borderId="0" xfId="1" applyNumberFormat="1">
      <alignment vertical="center"/>
    </xf>
    <xf numFmtId="177" fontId="1" fillId="0" borderId="0" xfId="1" applyNumberFormat="1">
      <alignment vertical="center"/>
    </xf>
    <xf numFmtId="0" fontId="2" fillId="0" borderId="0" xfId="1" applyFont="1" applyAlignment="1">
      <alignment vertical="center"/>
    </xf>
    <xf numFmtId="0" fontId="5" fillId="0" borderId="0" xfId="1" applyFont="1">
      <alignment vertical="center"/>
    </xf>
    <xf numFmtId="0" fontId="7" fillId="0" borderId="0" xfId="1" applyFont="1" applyAlignment="1">
      <alignment horizontal="right" vertical="center"/>
    </xf>
    <xf numFmtId="176" fontId="10" fillId="0" borderId="4" xfId="1" applyNumberFormat="1" applyFont="1" applyFill="1" applyBorder="1" applyAlignment="1">
      <alignment horizontal="center" vertical="center" wrapText="1"/>
    </xf>
    <xf numFmtId="176" fontId="10" fillId="0" borderId="4" xfId="1" applyNumberFormat="1" applyFont="1" applyFill="1" applyBorder="1" applyAlignment="1">
      <alignment vertical="center" wrapText="1"/>
    </xf>
    <xf numFmtId="0" fontId="8" fillId="0" borderId="5" xfId="1" applyFont="1" applyBorder="1">
      <alignment vertical="center"/>
    </xf>
    <xf numFmtId="0" fontId="8" fillId="0" borderId="6" xfId="1" applyFont="1" applyFill="1" applyBorder="1">
      <alignment vertical="center"/>
    </xf>
    <xf numFmtId="176" fontId="6" fillId="0" borderId="15" xfId="1" applyNumberFormat="1" applyFont="1" applyFill="1" applyBorder="1">
      <alignment vertical="center"/>
    </xf>
    <xf numFmtId="177" fontId="6" fillId="0" borderId="17" xfId="1" applyNumberFormat="1" applyFont="1" applyFill="1" applyBorder="1">
      <alignment vertical="center"/>
    </xf>
    <xf numFmtId="176" fontId="6" fillId="0" borderId="16" xfId="1" applyNumberFormat="1" applyFont="1" applyFill="1" applyBorder="1">
      <alignment vertical="center"/>
    </xf>
    <xf numFmtId="0" fontId="8" fillId="0" borderId="7" xfId="1" applyFont="1" applyBorder="1">
      <alignment vertical="center"/>
    </xf>
    <xf numFmtId="0" fontId="8" fillId="0" borderId="8" xfId="1" applyFont="1" applyFill="1" applyBorder="1">
      <alignment vertical="center"/>
    </xf>
    <xf numFmtId="176" fontId="6" fillId="0" borderId="18" xfId="1" applyNumberFormat="1" applyFont="1" applyFill="1" applyBorder="1">
      <alignment vertical="center"/>
    </xf>
    <xf numFmtId="176" fontId="6" fillId="0" borderId="19" xfId="1" applyNumberFormat="1" applyFont="1" applyFill="1" applyBorder="1">
      <alignment vertical="center"/>
    </xf>
    <xf numFmtId="176" fontId="6" fillId="0" borderId="29" xfId="1" applyNumberFormat="1" applyFont="1" applyFill="1" applyBorder="1">
      <alignment vertical="center"/>
    </xf>
    <xf numFmtId="177" fontId="6" fillId="0" borderId="19" xfId="1" applyNumberFormat="1" applyFont="1" applyFill="1" applyBorder="1">
      <alignment vertical="center"/>
    </xf>
    <xf numFmtId="176" fontId="6" fillId="0" borderId="20" xfId="1" applyNumberFormat="1" applyFont="1" applyBorder="1">
      <alignment vertical="center"/>
    </xf>
    <xf numFmtId="0" fontId="8" fillId="0" borderId="9" xfId="1" applyFont="1" applyFill="1" applyBorder="1">
      <alignment vertical="center"/>
    </xf>
    <xf numFmtId="176" fontId="6" fillId="0" borderId="31" xfId="1" applyNumberFormat="1" applyFont="1" applyFill="1" applyBorder="1">
      <alignment vertical="center"/>
    </xf>
    <xf numFmtId="176" fontId="6" fillId="0" borderId="32" xfId="1" applyNumberFormat="1" applyFont="1" applyFill="1" applyBorder="1">
      <alignment vertical="center"/>
    </xf>
    <xf numFmtId="176" fontId="6" fillId="0" borderId="30" xfId="1" applyNumberFormat="1" applyFont="1" applyFill="1" applyBorder="1">
      <alignment vertical="center"/>
    </xf>
    <xf numFmtId="177" fontId="6" fillId="0" borderId="34" xfId="1" applyNumberFormat="1" applyFont="1" applyFill="1" applyBorder="1">
      <alignment vertical="center"/>
    </xf>
    <xf numFmtId="176" fontId="6" fillId="0" borderId="36" xfId="1" applyNumberFormat="1" applyFont="1" applyBorder="1">
      <alignment vertical="center"/>
    </xf>
    <xf numFmtId="0" fontId="8" fillId="0" borderId="10" xfId="1" applyFont="1" applyFill="1" applyBorder="1">
      <alignment vertical="center"/>
    </xf>
    <xf numFmtId="176" fontId="6" fillId="0" borderId="24" xfId="1" applyNumberFormat="1" applyFont="1" applyFill="1" applyBorder="1">
      <alignment vertical="center"/>
    </xf>
    <xf numFmtId="177" fontId="6" fillId="0" borderId="33" xfId="1" applyNumberFormat="1" applyFont="1" applyFill="1" applyBorder="1">
      <alignment vertical="center"/>
    </xf>
    <xf numFmtId="176" fontId="6" fillId="0" borderId="35" xfId="1" applyNumberFormat="1" applyFont="1" applyFill="1" applyBorder="1">
      <alignment vertical="center"/>
    </xf>
    <xf numFmtId="176" fontId="6" fillId="0" borderId="37" xfId="1" applyNumberFormat="1" applyFont="1" applyFill="1" applyBorder="1">
      <alignment vertical="center"/>
    </xf>
    <xf numFmtId="177" fontId="6" fillId="0" borderId="16" xfId="1" applyNumberFormat="1" applyFont="1" applyFill="1" applyBorder="1">
      <alignment vertical="center"/>
    </xf>
    <xf numFmtId="176" fontId="6" fillId="0" borderId="21" xfId="1" applyNumberFormat="1" applyFont="1" applyFill="1" applyBorder="1">
      <alignment vertical="center"/>
    </xf>
    <xf numFmtId="176" fontId="6" fillId="0" borderId="22" xfId="1" applyNumberFormat="1" applyFont="1" applyFill="1" applyBorder="1">
      <alignment vertical="center"/>
    </xf>
    <xf numFmtId="177" fontId="6" fillId="0" borderId="22" xfId="1" applyNumberFormat="1" applyFont="1" applyFill="1" applyBorder="1">
      <alignment vertical="center"/>
    </xf>
    <xf numFmtId="176" fontId="6" fillId="0" borderId="23" xfId="1" applyNumberFormat="1" applyFont="1" applyBorder="1">
      <alignment vertical="center"/>
    </xf>
    <xf numFmtId="176" fontId="6" fillId="0" borderId="25" xfId="1" applyNumberFormat="1" applyFont="1" applyFill="1" applyBorder="1">
      <alignment vertical="center"/>
    </xf>
    <xf numFmtId="177" fontId="6" fillId="0" borderId="25" xfId="1" applyNumberFormat="1" applyFont="1" applyFill="1" applyBorder="1">
      <alignment vertical="center"/>
    </xf>
    <xf numFmtId="176" fontId="6" fillId="0" borderId="26" xfId="1" applyNumberFormat="1" applyFont="1" applyFill="1" applyBorder="1">
      <alignment vertical="center"/>
    </xf>
    <xf numFmtId="176" fontId="6" fillId="0" borderId="17" xfId="1" applyNumberFormat="1" applyFont="1" applyFill="1" applyBorder="1">
      <alignment vertical="center"/>
    </xf>
    <xf numFmtId="176" fontId="6" fillId="0" borderId="27" xfId="1" applyNumberFormat="1" applyFont="1" applyBorder="1">
      <alignment vertical="center"/>
    </xf>
    <xf numFmtId="176" fontId="6" fillId="0" borderId="2" xfId="1" applyNumberFormat="1" applyFont="1" applyBorder="1">
      <alignment vertical="center"/>
    </xf>
    <xf numFmtId="176" fontId="6" fillId="0" borderId="4" xfId="1" applyNumberFormat="1" applyFont="1" applyFill="1" applyBorder="1">
      <alignment vertical="center"/>
    </xf>
    <xf numFmtId="176" fontId="6" fillId="0" borderId="38" xfId="1" applyNumberFormat="1" applyFont="1" applyFill="1" applyBorder="1">
      <alignment vertical="center"/>
    </xf>
    <xf numFmtId="176" fontId="6" fillId="0" borderId="26" xfId="1" applyNumberFormat="1" applyFont="1" applyFill="1" applyBorder="1" applyAlignment="1">
      <alignment horizontal="center" vertical="center"/>
    </xf>
    <xf numFmtId="176" fontId="6" fillId="0" borderId="17" xfId="1" applyNumberFormat="1" applyFont="1" applyFill="1" applyBorder="1" applyAlignment="1">
      <alignment horizontal="center" vertical="center"/>
    </xf>
    <xf numFmtId="177" fontId="6" fillId="0" borderId="17" xfId="1" applyNumberFormat="1" applyFont="1" applyFill="1" applyBorder="1" applyAlignment="1">
      <alignment horizontal="center" vertical="center"/>
    </xf>
    <xf numFmtId="176" fontId="6" fillId="0" borderId="27" xfId="1" applyNumberFormat="1" applyFont="1" applyBorder="1" applyAlignment="1">
      <alignment horizontal="center" vertical="center"/>
    </xf>
    <xf numFmtId="176" fontId="6" fillId="0" borderId="18" xfId="1" applyNumberFormat="1" applyFont="1" applyFill="1" applyBorder="1" applyAlignment="1">
      <alignment horizontal="center" vertical="center"/>
    </xf>
    <xf numFmtId="176" fontId="6" fillId="0" borderId="19" xfId="1" applyNumberFormat="1" applyFont="1" applyFill="1" applyBorder="1" applyAlignment="1">
      <alignment horizontal="center" vertical="center"/>
    </xf>
    <xf numFmtId="176" fontId="6" fillId="0" borderId="29" xfId="1" applyNumberFormat="1" applyFont="1" applyFill="1" applyBorder="1" applyAlignment="1">
      <alignment horizontal="center" vertical="center"/>
    </xf>
    <xf numFmtId="177" fontId="6" fillId="0" borderId="19" xfId="1" applyNumberFormat="1" applyFont="1" applyFill="1" applyBorder="1" applyAlignment="1">
      <alignment horizontal="center" vertical="center"/>
    </xf>
    <xf numFmtId="176" fontId="6" fillId="0" borderId="20" xfId="1" applyNumberFormat="1" applyFont="1" applyBorder="1" applyAlignment="1">
      <alignment horizontal="center" vertical="center"/>
    </xf>
    <xf numFmtId="0" fontId="8" fillId="0" borderId="10" xfId="1" applyFont="1" applyBorder="1">
      <alignment vertical="center"/>
    </xf>
    <xf numFmtId="176" fontId="6" fillId="0" borderId="28" xfId="1" applyNumberFormat="1" applyFont="1" applyBorder="1">
      <alignment vertical="center"/>
    </xf>
    <xf numFmtId="177" fontId="6" fillId="0" borderId="28" xfId="1" applyNumberFormat="1" applyFont="1" applyBorder="1">
      <alignment vertical="center"/>
    </xf>
    <xf numFmtId="176" fontId="1" fillId="0" borderId="0" xfId="1" applyNumberFormat="1" applyBorder="1">
      <alignment vertical="center"/>
    </xf>
    <xf numFmtId="0" fontId="8" fillId="0" borderId="39" xfId="1" applyFont="1" applyBorder="1">
      <alignment vertical="center"/>
    </xf>
    <xf numFmtId="0" fontId="8" fillId="0" borderId="40" xfId="1" applyFont="1" applyBorder="1">
      <alignment vertical="center"/>
    </xf>
    <xf numFmtId="176" fontId="6" fillId="0" borderId="41" xfId="1" applyNumberFormat="1" applyFont="1" applyBorder="1">
      <alignment vertical="center"/>
    </xf>
    <xf numFmtId="177" fontId="6" fillId="0" borderId="41" xfId="1" applyNumberFormat="1" applyFont="1" applyBorder="1">
      <alignment vertical="center"/>
    </xf>
    <xf numFmtId="0" fontId="12" fillId="0" borderId="0" xfId="0" applyFont="1" applyAlignment="1"/>
    <xf numFmtId="178" fontId="6" fillId="0" borderId="0" xfId="0" applyNumberFormat="1" applyFont="1" applyFill="1" applyAlignment="1"/>
    <xf numFmtId="179" fontId="6" fillId="0" borderId="0" xfId="0" applyNumberFormat="1" applyFont="1" applyFill="1" applyAlignment="1"/>
    <xf numFmtId="178" fontId="6" fillId="0" borderId="0" xfId="0" applyNumberFormat="1" applyFont="1" applyFill="1" applyAlignment="1">
      <alignment horizontal="left"/>
    </xf>
    <xf numFmtId="176" fontId="9" fillId="0" borderId="11" xfId="1" applyNumberFormat="1" applyFont="1" applyBorder="1" applyAlignment="1">
      <alignment horizontal="left" vertical="center" wrapText="1"/>
    </xf>
    <xf numFmtId="176" fontId="9" fillId="0" borderId="12" xfId="1" applyNumberFormat="1" applyFont="1" applyBorder="1" applyAlignment="1">
      <alignment horizontal="left" vertical="center" wrapText="1"/>
    </xf>
    <xf numFmtId="176" fontId="9" fillId="0" borderId="4" xfId="1" applyNumberFormat="1" applyFont="1" applyBorder="1" applyAlignment="1">
      <alignment horizontal="center" vertical="center"/>
    </xf>
    <xf numFmtId="176" fontId="9" fillId="0" borderId="1" xfId="1" applyNumberFormat="1" applyFont="1" applyBorder="1" applyAlignment="1">
      <alignment horizontal="center" vertical="center" wrapText="1"/>
    </xf>
    <xf numFmtId="176" fontId="9" fillId="0" borderId="13" xfId="1" applyNumberFormat="1" applyFont="1" applyBorder="1" applyAlignment="1">
      <alignment horizontal="center" vertical="center" wrapText="1"/>
    </xf>
    <xf numFmtId="176" fontId="10" fillId="0" borderId="1" xfId="1" applyNumberFormat="1" applyFont="1" applyFill="1" applyBorder="1" applyAlignment="1">
      <alignment horizontal="center" vertical="center" wrapText="1"/>
    </xf>
    <xf numFmtId="176" fontId="6" fillId="0" borderId="13" xfId="1" applyNumberFormat="1" applyFont="1" applyBorder="1" applyAlignment="1">
      <alignment horizontal="center" vertical="center"/>
    </xf>
    <xf numFmtId="177" fontId="10" fillId="0" borderId="1" xfId="1" applyNumberFormat="1" applyFont="1" applyFill="1" applyBorder="1" applyAlignment="1">
      <alignment vertical="center" wrapText="1"/>
    </xf>
    <xf numFmtId="177" fontId="6" fillId="0" borderId="13" xfId="1" applyNumberFormat="1" applyFont="1" applyBorder="1" applyAlignment="1">
      <alignment vertical="center"/>
    </xf>
    <xf numFmtId="176" fontId="6" fillId="0" borderId="14" xfId="1" applyNumberFormat="1" applyFont="1" applyBorder="1" applyAlignment="1">
      <alignment horizontal="center" vertical="center"/>
    </xf>
    <xf numFmtId="176" fontId="9" fillId="0" borderId="11" xfId="1" applyNumberFormat="1" applyFont="1" applyBorder="1" applyAlignment="1">
      <alignment horizontal="center" vertical="center"/>
    </xf>
    <xf numFmtId="176" fontId="9" fillId="0" borderId="12" xfId="1" applyNumberFormat="1" applyFont="1" applyBorder="1" applyAlignment="1">
      <alignment horizontal="center" vertical="center"/>
    </xf>
    <xf numFmtId="0" fontId="11" fillId="0" borderId="0" xfId="1" applyFont="1" applyAlignment="1">
      <alignment vertical="center"/>
    </xf>
    <xf numFmtId="0" fontId="8" fillId="0" borderId="1" xfId="1" applyFont="1" applyFill="1" applyBorder="1" applyAlignment="1">
      <alignment horizontal="center" vertical="center"/>
    </xf>
    <xf numFmtId="0" fontId="6" fillId="0" borderId="2" xfId="1" applyFont="1" applyBorder="1" applyAlignment="1">
      <alignment vertical="center"/>
    </xf>
    <xf numFmtId="0" fontId="6" fillId="0" borderId="3" xfId="1" applyFont="1" applyBorder="1" applyAlignment="1">
      <alignment vertical="center"/>
    </xf>
    <xf numFmtId="0" fontId="8" fillId="0" borderId="1" xfId="1" applyFont="1" applyFill="1" applyBorder="1" applyAlignment="1">
      <alignment horizontal="center" vertical="center" wrapText="1"/>
    </xf>
    <xf numFmtId="176" fontId="9" fillId="0" borderId="4" xfId="1" applyNumberFormat="1" applyFont="1" applyBorder="1" applyAlignment="1">
      <alignment horizontal="center" vertical="center" wrapText="1"/>
    </xf>
    <xf numFmtId="0" fontId="8" fillId="0" borderId="0" xfId="1" applyFont="1">
      <alignment vertical="center"/>
    </xf>
  </cellXfs>
  <cellStyles count="2">
    <cellStyle name="標準" xfId="0" builtinId="0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99"/>
  <sheetViews>
    <sheetView tabSelected="1" zoomScaleNormal="100" workbookViewId="0">
      <pane xSplit="2" ySplit="6" topLeftCell="C7" activePane="bottomRight" state="frozen"/>
      <selection pane="topRight" activeCell="C1" sqref="C1"/>
      <selection pane="bottomLeft" activeCell="A7" sqref="A7"/>
      <selection pane="bottomRight" activeCell="H100" sqref="H100"/>
    </sheetView>
  </sheetViews>
  <sheetFormatPr defaultRowHeight="13.5" x14ac:dyDescent="0.15"/>
  <cols>
    <col min="1" max="1" width="8.625" style="7" customWidth="1"/>
    <col min="2" max="2" width="12.625" style="7" customWidth="1"/>
    <col min="3" max="16" width="9.625" style="4" customWidth="1"/>
    <col min="17" max="17" width="9.625" style="5" customWidth="1"/>
    <col min="18" max="22" width="9.625" style="4" customWidth="1"/>
    <col min="23" max="16384" width="9" style="1"/>
  </cols>
  <sheetData>
    <row r="1" spans="1:22" x14ac:dyDescent="0.15">
      <c r="A1" s="80" t="s">
        <v>126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</row>
    <row r="2" spans="1:22" x14ac:dyDescent="0.15">
      <c r="A2" s="80"/>
      <c r="B2" s="80"/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</row>
    <row r="3" spans="1:22" ht="15.75" x14ac:dyDescent="0.15">
      <c r="A3" s="6"/>
      <c r="B3" s="6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3"/>
      <c r="R3" s="2"/>
      <c r="S3" s="2"/>
      <c r="V3" s="8" t="s">
        <v>123</v>
      </c>
    </row>
    <row r="4" spans="1:22" ht="17.25" customHeight="1" x14ac:dyDescent="0.15">
      <c r="A4" s="81" t="s">
        <v>0</v>
      </c>
      <c r="B4" s="84" t="s">
        <v>99</v>
      </c>
      <c r="C4" s="85" t="s">
        <v>1</v>
      </c>
      <c r="D4" s="85"/>
      <c r="E4" s="70" t="s">
        <v>2</v>
      </c>
      <c r="F4" s="70"/>
      <c r="G4" s="70"/>
      <c r="H4" s="70"/>
      <c r="I4" s="70"/>
      <c r="J4" s="70"/>
      <c r="K4" s="70"/>
      <c r="L4" s="70"/>
      <c r="M4" s="70"/>
      <c r="N4" s="70"/>
      <c r="O4" s="70"/>
      <c r="P4" s="70"/>
      <c r="Q4" s="70"/>
      <c r="R4" s="70" t="s">
        <v>3</v>
      </c>
      <c r="S4" s="70"/>
      <c r="T4" s="70" t="s">
        <v>100</v>
      </c>
      <c r="U4" s="70"/>
      <c r="V4" s="70"/>
    </row>
    <row r="5" spans="1:22" ht="19.5" customHeight="1" x14ac:dyDescent="0.15">
      <c r="A5" s="82"/>
      <c r="B5" s="82"/>
      <c r="C5" s="71" t="s">
        <v>4</v>
      </c>
      <c r="D5" s="73" t="s">
        <v>5</v>
      </c>
      <c r="E5" s="70" t="s">
        <v>6</v>
      </c>
      <c r="F5" s="70"/>
      <c r="G5" s="70"/>
      <c r="H5" s="70"/>
      <c r="I5" s="70"/>
      <c r="J5" s="70"/>
      <c r="K5" s="70"/>
      <c r="L5" s="70"/>
      <c r="M5" s="70"/>
      <c r="N5" s="70"/>
      <c r="O5" s="70"/>
      <c r="P5" s="73" t="s">
        <v>7</v>
      </c>
      <c r="Q5" s="75" t="s">
        <v>8</v>
      </c>
      <c r="R5" s="73" t="s">
        <v>4</v>
      </c>
      <c r="S5" s="73" t="s">
        <v>9</v>
      </c>
      <c r="T5" s="78" t="s">
        <v>127</v>
      </c>
      <c r="U5" s="68" t="s">
        <v>116</v>
      </c>
      <c r="V5" s="68" t="s">
        <v>101</v>
      </c>
    </row>
    <row r="6" spans="1:22" ht="30" customHeight="1" x14ac:dyDescent="0.15">
      <c r="A6" s="83"/>
      <c r="B6" s="83"/>
      <c r="C6" s="72"/>
      <c r="D6" s="74"/>
      <c r="E6" s="9" t="s">
        <v>10</v>
      </c>
      <c r="F6" s="10" t="s">
        <v>102</v>
      </c>
      <c r="G6" s="10" t="s">
        <v>103</v>
      </c>
      <c r="H6" s="10" t="s">
        <v>104</v>
      </c>
      <c r="I6" s="10" t="s">
        <v>105</v>
      </c>
      <c r="J6" s="10" t="s">
        <v>106</v>
      </c>
      <c r="K6" s="10" t="s">
        <v>107</v>
      </c>
      <c r="L6" s="10" t="s">
        <v>117</v>
      </c>
      <c r="M6" s="10" t="s">
        <v>118</v>
      </c>
      <c r="N6" s="10" t="s">
        <v>119</v>
      </c>
      <c r="O6" s="10" t="s">
        <v>120</v>
      </c>
      <c r="P6" s="74"/>
      <c r="Q6" s="76"/>
      <c r="R6" s="74"/>
      <c r="S6" s="77"/>
      <c r="T6" s="79"/>
      <c r="U6" s="69"/>
      <c r="V6" s="69"/>
    </row>
    <row r="7" spans="1:22" ht="18.75" x14ac:dyDescent="0.15">
      <c r="A7" s="11" t="s">
        <v>11</v>
      </c>
      <c r="B7" s="12" t="s">
        <v>12</v>
      </c>
      <c r="C7" s="13">
        <v>1181</v>
      </c>
      <c r="D7" s="13">
        <v>2366</v>
      </c>
      <c r="E7" s="13">
        <v>1178</v>
      </c>
      <c r="F7" s="13">
        <v>513</v>
      </c>
      <c r="G7" s="13">
        <v>382</v>
      </c>
      <c r="H7" s="13">
        <v>167</v>
      </c>
      <c r="I7" s="13">
        <v>89</v>
      </c>
      <c r="J7" s="13">
        <v>23</v>
      </c>
      <c r="K7" s="13">
        <v>4</v>
      </c>
      <c r="L7" s="13">
        <v>0</v>
      </c>
      <c r="M7" s="13">
        <v>0</v>
      </c>
      <c r="N7" s="13">
        <v>0</v>
      </c>
      <c r="O7" s="13">
        <v>0</v>
      </c>
      <c r="P7" s="13">
        <v>2273</v>
      </c>
      <c r="Q7" s="14">
        <v>1.93</v>
      </c>
      <c r="R7" s="15">
        <v>3</v>
      </c>
      <c r="S7" s="15">
        <v>93</v>
      </c>
      <c r="T7" s="15">
        <v>601</v>
      </c>
      <c r="U7" s="15">
        <v>283</v>
      </c>
      <c r="V7" s="15">
        <v>211</v>
      </c>
    </row>
    <row r="8" spans="1:22" ht="18.75" x14ac:dyDescent="0.15">
      <c r="A8" s="16"/>
      <c r="B8" s="17" t="s">
        <v>13</v>
      </c>
      <c r="C8" s="18">
        <v>2312</v>
      </c>
      <c r="D8" s="19">
        <v>4724</v>
      </c>
      <c r="E8" s="19">
        <v>2304</v>
      </c>
      <c r="F8" s="19">
        <v>1033</v>
      </c>
      <c r="G8" s="19">
        <v>615</v>
      </c>
      <c r="H8" s="19">
        <v>350</v>
      </c>
      <c r="I8" s="19">
        <v>215</v>
      </c>
      <c r="J8" s="19">
        <v>62</v>
      </c>
      <c r="K8" s="19">
        <v>23</v>
      </c>
      <c r="L8" s="20">
        <v>5</v>
      </c>
      <c r="M8" s="20">
        <v>1</v>
      </c>
      <c r="N8" s="20">
        <v>0</v>
      </c>
      <c r="O8" s="19">
        <v>0</v>
      </c>
      <c r="P8" s="19">
        <v>4664</v>
      </c>
      <c r="Q8" s="21">
        <v>2.02</v>
      </c>
      <c r="R8" s="19">
        <v>8</v>
      </c>
      <c r="S8" s="19">
        <v>60</v>
      </c>
      <c r="T8" s="22">
        <v>1106</v>
      </c>
      <c r="U8" s="22">
        <v>440</v>
      </c>
      <c r="V8" s="22">
        <v>472</v>
      </c>
    </row>
    <row r="9" spans="1:22" ht="18.75" x14ac:dyDescent="0.15">
      <c r="A9" s="16"/>
      <c r="B9" s="17" t="s">
        <v>14</v>
      </c>
      <c r="C9" s="18">
        <v>1327</v>
      </c>
      <c r="D9" s="19">
        <v>2798</v>
      </c>
      <c r="E9" s="19">
        <v>1327</v>
      </c>
      <c r="F9" s="19">
        <v>563</v>
      </c>
      <c r="G9" s="19">
        <v>349</v>
      </c>
      <c r="H9" s="19">
        <v>208</v>
      </c>
      <c r="I9" s="19">
        <v>150</v>
      </c>
      <c r="J9" s="19">
        <v>36</v>
      </c>
      <c r="K9" s="19">
        <v>15</v>
      </c>
      <c r="L9" s="20">
        <v>5</v>
      </c>
      <c r="M9" s="20">
        <v>1</v>
      </c>
      <c r="N9" s="20">
        <v>0</v>
      </c>
      <c r="O9" s="19">
        <v>0</v>
      </c>
      <c r="P9" s="19">
        <v>2798</v>
      </c>
      <c r="Q9" s="21">
        <v>2.11</v>
      </c>
      <c r="R9" s="19">
        <v>0</v>
      </c>
      <c r="S9" s="19">
        <v>0</v>
      </c>
      <c r="T9" s="22">
        <v>659</v>
      </c>
      <c r="U9" s="22">
        <v>241</v>
      </c>
      <c r="V9" s="22">
        <v>289</v>
      </c>
    </row>
    <row r="10" spans="1:22" ht="18.75" x14ac:dyDescent="0.15">
      <c r="A10" s="16"/>
      <c r="B10" s="17" t="s">
        <v>15</v>
      </c>
      <c r="C10" s="18">
        <v>975</v>
      </c>
      <c r="D10" s="19">
        <v>1799</v>
      </c>
      <c r="E10" s="19">
        <v>975</v>
      </c>
      <c r="F10" s="19">
        <v>525</v>
      </c>
      <c r="G10" s="19">
        <v>222</v>
      </c>
      <c r="H10" s="19">
        <v>119</v>
      </c>
      <c r="I10" s="19">
        <v>82</v>
      </c>
      <c r="J10" s="19">
        <v>20</v>
      </c>
      <c r="K10" s="19">
        <v>4</v>
      </c>
      <c r="L10" s="20">
        <v>3</v>
      </c>
      <c r="M10" s="20">
        <v>0</v>
      </c>
      <c r="N10" s="20">
        <v>0</v>
      </c>
      <c r="O10" s="19">
        <v>0</v>
      </c>
      <c r="P10" s="19">
        <v>1799</v>
      </c>
      <c r="Q10" s="21">
        <v>1.85</v>
      </c>
      <c r="R10" s="19">
        <v>0</v>
      </c>
      <c r="S10" s="19">
        <v>0</v>
      </c>
      <c r="T10" s="22">
        <v>381</v>
      </c>
      <c r="U10" s="22">
        <v>157</v>
      </c>
      <c r="V10" s="22">
        <v>163</v>
      </c>
    </row>
    <row r="11" spans="1:22" ht="18.75" x14ac:dyDescent="0.15">
      <c r="A11" s="16"/>
      <c r="B11" s="17" t="s">
        <v>16</v>
      </c>
      <c r="C11" s="18">
        <v>1736</v>
      </c>
      <c r="D11" s="19">
        <v>3363</v>
      </c>
      <c r="E11" s="19">
        <v>1733</v>
      </c>
      <c r="F11" s="19">
        <v>840</v>
      </c>
      <c r="G11" s="19">
        <v>491</v>
      </c>
      <c r="H11" s="19">
        <v>209</v>
      </c>
      <c r="I11" s="19">
        <v>137</v>
      </c>
      <c r="J11" s="19">
        <v>34</v>
      </c>
      <c r="K11" s="19">
        <v>17</v>
      </c>
      <c r="L11" s="20">
        <v>4</v>
      </c>
      <c r="M11" s="20">
        <v>0</v>
      </c>
      <c r="N11" s="20">
        <v>1</v>
      </c>
      <c r="O11" s="19">
        <v>0</v>
      </c>
      <c r="P11" s="19">
        <v>3306</v>
      </c>
      <c r="Q11" s="21">
        <v>1.91</v>
      </c>
      <c r="R11" s="19">
        <v>3</v>
      </c>
      <c r="S11" s="19">
        <v>57</v>
      </c>
      <c r="T11" s="22">
        <v>784</v>
      </c>
      <c r="U11" s="22">
        <v>351</v>
      </c>
      <c r="V11" s="22">
        <v>303</v>
      </c>
    </row>
    <row r="12" spans="1:22" ht="18.75" x14ac:dyDescent="0.15">
      <c r="A12" s="16"/>
      <c r="B12" s="17" t="s">
        <v>17</v>
      </c>
      <c r="C12" s="18">
        <v>3015</v>
      </c>
      <c r="D12" s="19">
        <v>5909</v>
      </c>
      <c r="E12" s="19">
        <v>3013</v>
      </c>
      <c r="F12" s="19">
        <v>1398</v>
      </c>
      <c r="G12" s="19">
        <v>865</v>
      </c>
      <c r="H12" s="19">
        <v>398</v>
      </c>
      <c r="I12" s="19">
        <v>244</v>
      </c>
      <c r="J12" s="19">
        <v>80</v>
      </c>
      <c r="K12" s="19">
        <v>20</v>
      </c>
      <c r="L12" s="20">
        <v>8</v>
      </c>
      <c r="M12" s="20">
        <v>0</v>
      </c>
      <c r="N12" s="20">
        <v>0</v>
      </c>
      <c r="O12" s="19">
        <v>0</v>
      </c>
      <c r="P12" s="19">
        <v>5874</v>
      </c>
      <c r="Q12" s="21">
        <v>1.95</v>
      </c>
      <c r="R12" s="19">
        <v>2</v>
      </c>
      <c r="S12" s="19">
        <v>35</v>
      </c>
      <c r="T12" s="22">
        <v>1393</v>
      </c>
      <c r="U12" s="22">
        <v>586</v>
      </c>
      <c r="V12" s="22">
        <v>516</v>
      </c>
    </row>
    <row r="13" spans="1:22" ht="18.75" x14ac:dyDescent="0.15">
      <c r="A13" s="16"/>
      <c r="B13" s="17" t="s">
        <v>18</v>
      </c>
      <c r="C13" s="18">
        <v>1835</v>
      </c>
      <c r="D13" s="19">
        <v>3976</v>
      </c>
      <c r="E13" s="19">
        <v>1834</v>
      </c>
      <c r="F13" s="19">
        <v>698</v>
      </c>
      <c r="G13" s="19">
        <v>545</v>
      </c>
      <c r="H13" s="19">
        <v>321</v>
      </c>
      <c r="I13" s="19">
        <v>182</v>
      </c>
      <c r="J13" s="19">
        <v>59</v>
      </c>
      <c r="K13" s="19">
        <v>23</v>
      </c>
      <c r="L13" s="20">
        <v>5</v>
      </c>
      <c r="M13" s="20">
        <v>1</v>
      </c>
      <c r="N13" s="20">
        <v>0</v>
      </c>
      <c r="O13" s="19">
        <v>0</v>
      </c>
      <c r="P13" s="19">
        <v>3955</v>
      </c>
      <c r="Q13" s="21">
        <v>2.16</v>
      </c>
      <c r="R13" s="19">
        <v>1</v>
      </c>
      <c r="S13" s="19">
        <v>21</v>
      </c>
      <c r="T13" s="22">
        <v>939</v>
      </c>
      <c r="U13" s="22">
        <v>378</v>
      </c>
      <c r="V13" s="22">
        <v>401</v>
      </c>
    </row>
    <row r="14" spans="1:22" ht="18.75" x14ac:dyDescent="0.15">
      <c r="A14" s="16"/>
      <c r="B14" s="17" t="s">
        <v>19</v>
      </c>
      <c r="C14" s="18">
        <v>1240</v>
      </c>
      <c r="D14" s="19">
        <v>2451</v>
      </c>
      <c r="E14" s="19">
        <v>1238</v>
      </c>
      <c r="F14" s="19">
        <v>585</v>
      </c>
      <c r="G14" s="19">
        <v>330</v>
      </c>
      <c r="H14" s="19">
        <v>171</v>
      </c>
      <c r="I14" s="19">
        <v>102</v>
      </c>
      <c r="J14" s="19">
        <v>29</v>
      </c>
      <c r="K14" s="19">
        <v>15</v>
      </c>
      <c r="L14" s="20">
        <v>4</v>
      </c>
      <c r="M14" s="20">
        <v>2</v>
      </c>
      <c r="N14" s="20">
        <v>0</v>
      </c>
      <c r="O14" s="19">
        <v>0</v>
      </c>
      <c r="P14" s="19">
        <v>2445</v>
      </c>
      <c r="Q14" s="21">
        <v>1.97</v>
      </c>
      <c r="R14" s="19">
        <v>2</v>
      </c>
      <c r="S14" s="19">
        <v>6</v>
      </c>
      <c r="T14" s="22">
        <v>547</v>
      </c>
      <c r="U14" s="22">
        <v>231</v>
      </c>
      <c r="V14" s="22">
        <v>212</v>
      </c>
    </row>
    <row r="15" spans="1:22" ht="18.75" x14ac:dyDescent="0.15">
      <c r="A15" s="16"/>
      <c r="B15" s="17" t="s">
        <v>20</v>
      </c>
      <c r="C15" s="18">
        <v>2907</v>
      </c>
      <c r="D15" s="19">
        <v>6245</v>
      </c>
      <c r="E15" s="19">
        <v>2904</v>
      </c>
      <c r="F15" s="19">
        <v>1197</v>
      </c>
      <c r="G15" s="19">
        <v>821</v>
      </c>
      <c r="H15" s="19">
        <v>407</v>
      </c>
      <c r="I15" s="19">
        <v>331</v>
      </c>
      <c r="J15" s="19">
        <v>98</v>
      </c>
      <c r="K15" s="19">
        <v>38</v>
      </c>
      <c r="L15" s="20">
        <v>8</v>
      </c>
      <c r="M15" s="20">
        <v>3</v>
      </c>
      <c r="N15" s="20">
        <v>1</v>
      </c>
      <c r="O15" s="19">
        <v>0</v>
      </c>
      <c r="P15" s="19">
        <v>6191</v>
      </c>
      <c r="Q15" s="21">
        <v>2.13</v>
      </c>
      <c r="R15" s="19">
        <v>3</v>
      </c>
      <c r="S15" s="19">
        <v>54</v>
      </c>
      <c r="T15" s="22">
        <v>1446</v>
      </c>
      <c r="U15" s="22">
        <v>595</v>
      </c>
      <c r="V15" s="22">
        <v>622</v>
      </c>
    </row>
    <row r="16" spans="1:22" ht="18.75" x14ac:dyDescent="0.15">
      <c r="A16" s="16"/>
      <c r="B16" s="17" t="s">
        <v>21</v>
      </c>
      <c r="C16" s="18">
        <v>5373</v>
      </c>
      <c r="D16" s="19">
        <v>11956</v>
      </c>
      <c r="E16" s="19">
        <v>5361</v>
      </c>
      <c r="F16" s="19">
        <v>2090</v>
      </c>
      <c r="G16" s="19">
        <v>1582</v>
      </c>
      <c r="H16" s="19">
        <v>841</v>
      </c>
      <c r="I16" s="19">
        <v>598</v>
      </c>
      <c r="J16" s="19">
        <v>202</v>
      </c>
      <c r="K16" s="19">
        <v>34</v>
      </c>
      <c r="L16" s="20">
        <v>13</v>
      </c>
      <c r="M16" s="20">
        <v>0</v>
      </c>
      <c r="N16" s="20">
        <v>1</v>
      </c>
      <c r="O16" s="19">
        <v>0</v>
      </c>
      <c r="P16" s="19">
        <v>11483</v>
      </c>
      <c r="Q16" s="21">
        <v>2.14</v>
      </c>
      <c r="R16" s="19">
        <v>12</v>
      </c>
      <c r="S16" s="19">
        <v>473</v>
      </c>
      <c r="T16" s="22">
        <v>2867</v>
      </c>
      <c r="U16" s="22">
        <v>1114</v>
      </c>
      <c r="V16" s="22">
        <v>1259</v>
      </c>
    </row>
    <row r="17" spans="1:22" ht="18.75" x14ac:dyDescent="0.15">
      <c r="A17" s="16"/>
      <c r="B17" s="17" t="s">
        <v>22</v>
      </c>
      <c r="C17" s="18">
        <v>6315</v>
      </c>
      <c r="D17" s="19">
        <v>15248</v>
      </c>
      <c r="E17" s="19">
        <v>6300</v>
      </c>
      <c r="F17" s="19">
        <v>1975</v>
      </c>
      <c r="G17" s="19">
        <v>1928</v>
      </c>
      <c r="H17" s="19">
        <v>1189</v>
      </c>
      <c r="I17" s="19">
        <v>885</v>
      </c>
      <c r="J17" s="19">
        <v>224</v>
      </c>
      <c r="K17" s="19">
        <v>72</v>
      </c>
      <c r="L17" s="20">
        <v>21</v>
      </c>
      <c r="M17" s="20">
        <v>3</v>
      </c>
      <c r="N17" s="20">
        <v>3</v>
      </c>
      <c r="O17" s="19">
        <v>0</v>
      </c>
      <c r="P17" s="19">
        <v>14688</v>
      </c>
      <c r="Q17" s="21">
        <v>2.33</v>
      </c>
      <c r="R17" s="19">
        <v>15</v>
      </c>
      <c r="S17" s="19">
        <v>560</v>
      </c>
      <c r="T17" s="22">
        <v>3761</v>
      </c>
      <c r="U17" s="22">
        <v>1411</v>
      </c>
      <c r="V17" s="22">
        <v>1817</v>
      </c>
    </row>
    <row r="18" spans="1:22" ht="18.75" x14ac:dyDescent="0.15">
      <c r="A18" s="16"/>
      <c r="B18" s="17" t="s">
        <v>23</v>
      </c>
      <c r="C18" s="18">
        <v>4089</v>
      </c>
      <c r="D18" s="19">
        <v>8391</v>
      </c>
      <c r="E18" s="19">
        <v>4079</v>
      </c>
      <c r="F18" s="19">
        <v>1893</v>
      </c>
      <c r="G18" s="19">
        <v>1052</v>
      </c>
      <c r="H18" s="19">
        <v>587</v>
      </c>
      <c r="I18" s="19">
        <v>370</v>
      </c>
      <c r="J18" s="19">
        <v>127</v>
      </c>
      <c r="K18" s="19">
        <v>39</v>
      </c>
      <c r="L18" s="20">
        <v>10</v>
      </c>
      <c r="M18" s="20">
        <v>1</v>
      </c>
      <c r="N18" s="20">
        <v>0</v>
      </c>
      <c r="O18" s="19">
        <v>0</v>
      </c>
      <c r="P18" s="19">
        <v>8185</v>
      </c>
      <c r="Q18" s="21">
        <v>2.0099999999999998</v>
      </c>
      <c r="R18" s="19">
        <v>10</v>
      </c>
      <c r="S18" s="19">
        <v>206</v>
      </c>
      <c r="T18" s="22">
        <v>1836</v>
      </c>
      <c r="U18" s="22">
        <v>734</v>
      </c>
      <c r="V18" s="22">
        <v>772</v>
      </c>
    </row>
    <row r="19" spans="1:22" ht="18.75" x14ac:dyDescent="0.15">
      <c r="A19" s="16"/>
      <c r="B19" s="17" t="s">
        <v>24</v>
      </c>
      <c r="C19" s="18">
        <v>5162</v>
      </c>
      <c r="D19" s="19">
        <v>10676</v>
      </c>
      <c r="E19" s="19">
        <v>5153</v>
      </c>
      <c r="F19" s="19">
        <v>2260</v>
      </c>
      <c r="G19" s="19">
        <v>1393</v>
      </c>
      <c r="H19" s="19">
        <v>792</v>
      </c>
      <c r="I19" s="19">
        <v>495</v>
      </c>
      <c r="J19" s="19">
        <v>155</v>
      </c>
      <c r="K19" s="19">
        <v>45</v>
      </c>
      <c r="L19" s="20">
        <v>8</v>
      </c>
      <c r="M19" s="20">
        <v>3</v>
      </c>
      <c r="N19" s="20">
        <v>0</v>
      </c>
      <c r="O19" s="19">
        <v>2</v>
      </c>
      <c r="P19" s="19">
        <v>10548</v>
      </c>
      <c r="Q19" s="21">
        <v>2.0499999999999998</v>
      </c>
      <c r="R19" s="19">
        <v>9</v>
      </c>
      <c r="S19" s="19">
        <v>128</v>
      </c>
      <c r="T19" s="22">
        <v>2540</v>
      </c>
      <c r="U19" s="22">
        <v>1029</v>
      </c>
      <c r="V19" s="22">
        <v>1116</v>
      </c>
    </row>
    <row r="20" spans="1:22" ht="18.75" x14ac:dyDescent="0.15">
      <c r="A20" s="16"/>
      <c r="B20" s="17" t="s">
        <v>25</v>
      </c>
      <c r="C20" s="18">
        <v>3462</v>
      </c>
      <c r="D20" s="19">
        <v>8141</v>
      </c>
      <c r="E20" s="19">
        <v>3455</v>
      </c>
      <c r="F20" s="19">
        <v>1131</v>
      </c>
      <c r="G20" s="19">
        <v>1093</v>
      </c>
      <c r="H20" s="19">
        <v>614</v>
      </c>
      <c r="I20" s="19">
        <v>408</v>
      </c>
      <c r="J20" s="19">
        <v>130</v>
      </c>
      <c r="K20" s="19">
        <v>57</v>
      </c>
      <c r="L20" s="20">
        <v>17</v>
      </c>
      <c r="M20" s="20">
        <v>5</v>
      </c>
      <c r="N20" s="20">
        <v>0</v>
      </c>
      <c r="O20" s="19">
        <v>0</v>
      </c>
      <c r="P20" s="19">
        <v>7942</v>
      </c>
      <c r="Q20" s="21">
        <v>2.2999999999999998</v>
      </c>
      <c r="R20" s="19">
        <v>7</v>
      </c>
      <c r="S20" s="19">
        <v>199</v>
      </c>
      <c r="T20" s="22">
        <v>1945</v>
      </c>
      <c r="U20" s="22">
        <v>794</v>
      </c>
      <c r="V20" s="22">
        <v>837</v>
      </c>
    </row>
    <row r="21" spans="1:22" ht="18.75" x14ac:dyDescent="0.15">
      <c r="A21" s="16"/>
      <c r="B21" s="17" t="s">
        <v>26</v>
      </c>
      <c r="C21" s="18">
        <v>2456</v>
      </c>
      <c r="D21" s="19">
        <v>5604</v>
      </c>
      <c r="E21" s="19">
        <v>2454</v>
      </c>
      <c r="F21" s="19">
        <v>884</v>
      </c>
      <c r="G21" s="19">
        <v>679</v>
      </c>
      <c r="H21" s="19">
        <v>428</v>
      </c>
      <c r="I21" s="19">
        <v>330</v>
      </c>
      <c r="J21" s="19">
        <v>83</v>
      </c>
      <c r="K21" s="19">
        <v>36</v>
      </c>
      <c r="L21" s="20">
        <v>12</v>
      </c>
      <c r="M21" s="20">
        <v>2</v>
      </c>
      <c r="N21" s="20">
        <v>0</v>
      </c>
      <c r="O21" s="19">
        <v>0</v>
      </c>
      <c r="P21" s="19">
        <v>5577</v>
      </c>
      <c r="Q21" s="21">
        <v>2.27</v>
      </c>
      <c r="R21" s="19">
        <v>2</v>
      </c>
      <c r="S21" s="19">
        <v>27</v>
      </c>
      <c r="T21" s="22">
        <v>1363</v>
      </c>
      <c r="U21" s="22">
        <v>494</v>
      </c>
      <c r="V21" s="22">
        <v>669</v>
      </c>
    </row>
    <row r="22" spans="1:22" ht="18.75" x14ac:dyDescent="0.15">
      <c r="A22" s="16"/>
      <c r="B22" s="17" t="s">
        <v>27</v>
      </c>
      <c r="C22" s="18">
        <v>8342</v>
      </c>
      <c r="D22" s="19">
        <v>13185</v>
      </c>
      <c r="E22" s="19">
        <v>8332</v>
      </c>
      <c r="F22" s="19">
        <v>5989</v>
      </c>
      <c r="G22" s="19">
        <v>1026</v>
      </c>
      <c r="H22" s="19">
        <v>657</v>
      </c>
      <c r="I22" s="19">
        <v>467</v>
      </c>
      <c r="J22" s="19">
        <v>134</v>
      </c>
      <c r="K22" s="19">
        <v>39</v>
      </c>
      <c r="L22" s="20">
        <v>18</v>
      </c>
      <c r="M22" s="20">
        <v>2</v>
      </c>
      <c r="N22" s="20">
        <v>0</v>
      </c>
      <c r="O22" s="19">
        <v>0</v>
      </c>
      <c r="P22" s="19">
        <v>12926</v>
      </c>
      <c r="Q22" s="21">
        <v>1.55</v>
      </c>
      <c r="R22" s="19">
        <v>10</v>
      </c>
      <c r="S22" s="19">
        <v>259</v>
      </c>
      <c r="T22" s="22">
        <v>1988</v>
      </c>
      <c r="U22" s="22">
        <v>726</v>
      </c>
      <c r="V22" s="22">
        <v>956</v>
      </c>
    </row>
    <row r="23" spans="1:22" ht="18.75" x14ac:dyDescent="0.15">
      <c r="A23" s="16"/>
      <c r="B23" s="17" t="s">
        <v>28</v>
      </c>
      <c r="C23" s="18">
        <v>1728</v>
      </c>
      <c r="D23" s="19">
        <v>4218</v>
      </c>
      <c r="E23" s="19">
        <v>1721</v>
      </c>
      <c r="F23" s="19">
        <v>523</v>
      </c>
      <c r="G23" s="19">
        <v>515</v>
      </c>
      <c r="H23" s="19">
        <v>332</v>
      </c>
      <c r="I23" s="19">
        <v>218</v>
      </c>
      <c r="J23" s="19">
        <v>83</v>
      </c>
      <c r="K23" s="19">
        <v>36</v>
      </c>
      <c r="L23" s="20">
        <v>9</v>
      </c>
      <c r="M23" s="20">
        <v>3</v>
      </c>
      <c r="N23" s="20">
        <v>2</v>
      </c>
      <c r="O23" s="19">
        <v>0</v>
      </c>
      <c r="P23" s="19">
        <v>4157</v>
      </c>
      <c r="Q23" s="21">
        <v>2.42</v>
      </c>
      <c r="R23" s="19">
        <v>7</v>
      </c>
      <c r="S23" s="19">
        <v>61</v>
      </c>
      <c r="T23" s="22">
        <v>997</v>
      </c>
      <c r="U23" s="22">
        <v>368</v>
      </c>
      <c r="V23" s="22">
        <v>478</v>
      </c>
    </row>
    <row r="24" spans="1:22" ht="18.75" x14ac:dyDescent="0.15">
      <c r="A24" s="16"/>
      <c r="B24" s="17" t="s">
        <v>29</v>
      </c>
      <c r="C24" s="18">
        <v>1261</v>
      </c>
      <c r="D24" s="19">
        <v>2998</v>
      </c>
      <c r="E24" s="19">
        <v>1259</v>
      </c>
      <c r="F24" s="19">
        <v>374</v>
      </c>
      <c r="G24" s="19">
        <v>434</v>
      </c>
      <c r="H24" s="19">
        <v>222</v>
      </c>
      <c r="I24" s="19">
        <v>130</v>
      </c>
      <c r="J24" s="19">
        <v>55</v>
      </c>
      <c r="K24" s="19">
        <v>30</v>
      </c>
      <c r="L24" s="20">
        <v>12</v>
      </c>
      <c r="M24" s="20">
        <v>2</v>
      </c>
      <c r="N24" s="20">
        <v>0</v>
      </c>
      <c r="O24" s="19">
        <v>0</v>
      </c>
      <c r="P24" s="19">
        <v>2983</v>
      </c>
      <c r="Q24" s="21">
        <v>2.37</v>
      </c>
      <c r="R24" s="19">
        <v>2</v>
      </c>
      <c r="S24" s="19">
        <v>15</v>
      </c>
      <c r="T24" s="22">
        <v>699</v>
      </c>
      <c r="U24" s="22">
        <v>283</v>
      </c>
      <c r="V24" s="22">
        <v>265</v>
      </c>
    </row>
    <row r="25" spans="1:22" ht="18.75" x14ac:dyDescent="0.15">
      <c r="A25" s="16"/>
      <c r="B25" s="17" t="s">
        <v>30</v>
      </c>
      <c r="C25" s="18">
        <v>2290</v>
      </c>
      <c r="D25" s="19">
        <v>5616</v>
      </c>
      <c r="E25" s="19">
        <v>2288</v>
      </c>
      <c r="F25" s="19">
        <v>633</v>
      </c>
      <c r="G25" s="19">
        <v>695</v>
      </c>
      <c r="H25" s="19">
        <v>485</v>
      </c>
      <c r="I25" s="19">
        <v>320</v>
      </c>
      <c r="J25" s="19">
        <v>106</v>
      </c>
      <c r="K25" s="19">
        <v>41</v>
      </c>
      <c r="L25" s="20">
        <v>7</v>
      </c>
      <c r="M25" s="20">
        <v>1</v>
      </c>
      <c r="N25" s="20">
        <v>0</v>
      </c>
      <c r="O25" s="19">
        <v>0</v>
      </c>
      <c r="P25" s="19">
        <v>5591</v>
      </c>
      <c r="Q25" s="21">
        <v>2.44</v>
      </c>
      <c r="R25" s="19">
        <v>2</v>
      </c>
      <c r="S25" s="19">
        <v>25</v>
      </c>
      <c r="T25" s="22">
        <v>1387</v>
      </c>
      <c r="U25" s="22">
        <v>508</v>
      </c>
      <c r="V25" s="22">
        <v>661</v>
      </c>
    </row>
    <row r="26" spans="1:22" ht="18.75" x14ac:dyDescent="0.15">
      <c r="A26" s="16"/>
      <c r="B26" s="17" t="s">
        <v>31</v>
      </c>
      <c r="C26" s="18">
        <v>2853</v>
      </c>
      <c r="D26" s="19">
        <v>7292</v>
      </c>
      <c r="E26" s="19">
        <v>2852</v>
      </c>
      <c r="F26" s="19">
        <v>656</v>
      </c>
      <c r="G26" s="19">
        <v>953</v>
      </c>
      <c r="H26" s="19">
        <v>590</v>
      </c>
      <c r="I26" s="19">
        <v>425</v>
      </c>
      <c r="J26" s="19">
        <v>160</v>
      </c>
      <c r="K26" s="19">
        <v>48</v>
      </c>
      <c r="L26" s="20">
        <v>16</v>
      </c>
      <c r="M26" s="20">
        <v>2</v>
      </c>
      <c r="N26" s="20">
        <v>2</v>
      </c>
      <c r="O26" s="19">
        <v>0</v>
      </c>
      <c r="P26" s="19">
        <v>7266</v>
      </c>
      <c r="Q26" s="21">
        <v>2.5499999999999998</v>
      </c>
      <c r="R26" s="19">
        <v>1</v>
      </c>
      <c r="S26" s="19">
        <v>26</v>
      </c>
      <c r="T26" s="22">
        <v>1861</v>
      </c>
      <c r="U26" s="22">
        <v>687</v>
      </c>
      <c r="V26" s="22">
        <v>873</v>
      </c>
    </row>
    <row r="27" spans="1:22" ht="18.75" x14ac:dyDescent="0.15">
      <c r="A27" s="16"/>
      <c r="B27" s="17" t="s">
        <v>32</v>
      </c>
      <c r="C27" s="18">
        <v>902</v>
      </c>
      <c r="D27" s="19">
        <v>2462</v>
      </c>
      <c r="E27" s="19">
        <v>898</v>
      </c>
      <c r="F27" s="19">
        <v>197</v>
      </c>
      <c r="G27" s="19">
        <v>329</v>
      </c>
      <c r="H27" s="19">
        <v>154</v>
      </c>
      <c r="I27" s="19">
        <v>126</v>
      </c>
      <c r="J27" s="19">
        <v>51</v>
      </c>
      <c r="K27" s="19">
        <v>28</v>
      </c>
      <c r="L27" s="20">
        <v>9</v>
      </c>
      <c r="M27" s="20">
        <v>4</v>
      </c>
      <c r="N27" s="20">
        <v>0</v>
      </c>
      <c r="O27" s="19">
        <v>0</v>
      </c>
      <c r="P27" s="19">
        <v>2339</v>
      </c>
      <c r="Q27" s="21">
        <v>2.6</v>
      </c>
      <c r="R27" s="19">
        <v>4</v>
      </c>
      <c r="S27" s="19">
        <v>123</v>
      </c>
      <c r="T27" s="22">
        <v>540</v>
      </c>
      <c r="U27" s="22">
        <v>221</v>
      </c>
      <c r="V27" s="22">
        <v>199</v>
      </c>
    </row>
    <row r="28" spans="1:22" ht="18.75" x14ac:dyDescent="0.15">
      <c r="A28" s="16"/>
      <c r="B28" s="17" t="s">
        <v>33</v>
      </c>
      <c r="C28" s="18">
        <v>1496</v>
      </c>
      <c r="D28" s="19">
        <v>4286</v>
      </c>
      <c r="E28" s="19">
        <v>1485</v>
      </c>
      <c r="F28" s="19">
        <v>361</v>
      </c>
      <c r="G28" s="19">
        <v>435</v>
      </c>
      <c r="H28" s="19">
        <v>321</v>
      </c>
      <c r="I28" s="19">
        <v>250</v>
      </c>
      <c r="J28" s="19">
        <v>74</v>
      </c>
      <c r="K28" s="19">
        <v>36</v>
      </c>
      <c r="L28" s="20">
        <v>6</v>
      </c>
      <c r="M28" s="20">
        <v>2</v>
      </c>
      <c r="N28" s="20">
        <v>0</v>
      </c>
      <c r="O28" s="19">
        <v>0</v>
      </c>
      <c r="P28" s="19">
        <v>3838</v>
      </c>
      <c r="Q28" s="21">
        <v>2.58</v>
      </c>
      <c r="R28" s="19">
        <v>11</v>
      </c>
      <c r="S28" s="19">
        <v>448</v>
      </c>
      <c r="T28" s="22">
        <v>921</v>
      </c>
      <c r="U28" s="22">
        <v>291</v>
      </c>
      <c r="V28" s="22">
        <v>442</v>
      </c>
    </row>
    <row r="29" spans="1:22" ht="18.75" x14ac:dyDescent="0.15">
      <c r="A29" s="16"/>
      <c r="B29" s="17" t="s">
        <v>34</v>
      </c>
      <c r="C29" s="18">
        <v>5920</v>
      </c>
      <c r="D29" s="19">
        <v>15167</v>
      </c>
      <c r="E29" s="19">
        <v>5914</v>
      </c>
      <c r="F29" s="19">
        <v>1388</v>
      </c>
      <c r="G29" s="19">
        <v>1926</v>
      </c>
      <c r="H29" s="19">
        <v>1332</v>
      </c>
      <c r="I29" s="19">
        <v>851</v>
      </c>
      <c r="J29" s="19">
        <v>286</v>
      </c>
      <c r="K29" s="19">
        <v>92</v>
      </c>
      <c r="L29" s="20">
        <v>32</v>
      </c>
      <c r="M29" s="20">
        <v>6</v>
      </c>
      <c r="N29" s="20">
        <v>1</v>
      </c>
      <c r="O29" s="19">
        <v>0</v>
      </c>
      <c r="P29" s="19">
        <v>14903</v>
      </c>
      <c r="Q29" s="21">
        <v>2.52</v>
      </c>
      <c r="R29" s="19">
        <v>6</v>
      </c>
      <c r="S29" s="19">
        <v>264</v>
      </c>
      <c r="T29" s="22">
        <v>3944</v>
      </c>
      <c r="U29" s="22">
        <v>1416</v>
      </c>
      <c r="V29" s="22">
        <v>1912</v>
      </c>
    </row>
    <row r="30" spans="1:22" ht="18.75" x14ac:dyDescent="0.15">
      <c r="A30" s="16"/>
      <c r="B30" s="17" t="s">
        <v>35</v>
      </c>
      <c r="C30" s="18">
        <v>4150</v>
      </c>
      <c r="D30" s="19">
        <v>9399</v>
      </c>
      <c r="E30" s="19">
        <v>4144</v>
      </c>
      <c r="F30" s="19">
        <v>1404</v>
      </c>
      <c r="G30" s="19">
        <v>1301</v>
      </c>
      <c r="H30" s="19">
        <v>793</v>
      </c>
      <c r="I30" s="19">
        <v>439</v>
      </c>
      <c r="J30" s="19">
        <v>128</v>
      </c>
      <c r="K30" s="19">
        <v>58</v>
      </c>
      <c r="L30" s="20">
        <v>15</v>
      </c>
      <c r="M30" s="20">
        <v>3</v>
      </c>
      <c r="N30" s="20">
        <v>2</v>
      </c>
      <c r="O30" s="19">
        <v>1</v>
      </c>
      <c r="P30" s="19">
        <v>9286</v>
      </c>
      <c r="Q30" s="21">
        <v>2.2400000000000002</v>
      </c>
      <c r="R30" s="19">
        <v>6</v>
      </c>
      <c r="S30" s="19">
        <v>113</v>
      </c>
      <c r="T30" s="22">
        <v>2332</v>
      </c>
      <c r="U30" s="22">
        <v>897</v>
      </c>
      <c r="V30" s="22">
        <v>995</v>
      </c>
    </row>
    <row r="31" spans="1:22" ht="18.75" x14ac:dyDescent="0.15">
      <c r="A31" s="16"/>
      <c r="B31" s="17" t="s">
        <v>36</v>
      </c>
      <c r="C31" s="18">
        <v>5402</v>
      </c>
      <c r="D31" s="19">
        <v>12341</v>
      </c>
      <c r="E31" s="19">
        <v>5399</v>
      </c>
      <c r="F31" s="19">
        <v>1928</v>
      </c>
      <c r="G31" s="19">
        <v>1506</v>
      </c>
      <c r="H31" s="19">
        <v>965</v>
      </c>
      <c r="I31" s="19">
        <v>689</v>
      </c>
      <c r="J31" s="19">
        <v>224</v>
      </c>
      <c r="K31" s="19">
        <v>68</v>
      </c>
      <c r="L31" s="20">
        <v>14</v>
      </c>
      <c r="M31" s="20">
        <v>3</v>
      </c>
      <c r="N31" s="20">
        <v>2</v>
      </c>
      <c r="O31" s="19">
        <v>0</v>
      </c>
      <c r="P31" s="19">
        <v>12259</v>
      </c>
      <c r="Q31" s="21">
        <v>2.27</v>
      </c>
      <c r="R31" s="19">
        <v>3</v>
      </c>
      <c r="S31" s="19">
        <v>82</v>
      </c>
      <c r="T31" s="22">
        <v>2915</v>
      </c>
      <c r="U31" s="22">
        <v>1068</v>
      </c>
      <c r="V31" s="22">
        <v>1413</v>
      </c>
    </row>
    <row r="32" spans="1:22" ht="18.75" x14ac:dyDescent="0.15">
      <c r="A32" s="16"/>
      <c r="B32" s="17" t="s">
        <v>37</v>
      </c>
      <c r="C32" s="18">
        <v>6203</v>
      </c>
      <c r="D32" s="19">
        <v>15928</v>
      </c>
      <c r="E32" s="19">
        <v>6197</v>
      </c>
      <c r="F32" s="19">
        <v>1604</v>
      </c>
      <c r="G32" s="19">
        <v>1773</v>
      </c>
      <c r="H32" s="19">
        <v>1359</v>
      </c>
      <c r="I32" s="19">
        <v>1034</v>
      </c>
      <c r="J32" s="19">
        <v>296</v>
      </c>
      <c r="K32" s="19">
        <v>100</v>
      </c>
      <c r="L32" s="20">
        <v>21</v>
      </c>
      <c r="M32" s="20">
        <v>6</v>
      </c>
      <c r="N32" s="20">
        <v>3</v>
      </c>
      <c r="O32" s="19">
        <v>1</v>
      </c>
      <c r="P32" s="19">
        <v>15675</v>
      </c>
      <c r="Q32" s="21">
        <v>2.5299999999999998</v>
      </c>
      <c r="R32" s="19">
        <v>6</v>
      </c>
      <c r="S32" s="19">
        <v>253</v>
      </c>
      <c r="T32" s="22">
        <v>3986</v>
      </c>
      <c r="U32" s="22">
        <v>1287</v>
      </c>
      <c r="V32" s="22">
        <v>2170</v>
      </c>
    </row>
    <row r="33" spans="1:22" ht="18.75" x14ac:dyDescent="0.15">
      <c r="A33" s="16"/>
      <c r="B33" s="17" t="s">
        <v>38</v>
      </c>
      <c r="C33" s="18">
        <v>5409</v>
      </c>
      <c r="D33" s="19">
        <v>11803</v>
      </c>
      <c r="E33" s="19">
        <v>5402</v>
      </c>
      <c r="F33" s="19">
        <v>2160</v>
      </c>
      <c r="G33" s="19">
        <v>1491</v>
      </c>
      <c r="H33" s="19">
        <v>886</v>
      </c>
      <c r="I33" s="19">
        <v>590</v>
      </c>
      <c r="J33" s="19">
        <v>193</v>
      </c>
      <c r="K33" s="19">
        <v>60</v>
      </c>
      <c r="L33" s="20">
        <v>17</v>
      </c>
      <c r="M33" s="20">
        <v>3</v>
      </c>
      <c r="N33" s="20">
        <v>1</v>
      </c>
      <c r="O33" s="19">
        <v>1</v>
      </c>
      <c r="P33" s="19">
        <v>11647</v>
      </c>
      <c r="Q33" s="21">
        <v>2.16</v>
      </c>
      <c r="R33" s="19">
        <v>7</v>
      </c>
      <c r="S33" s="19">
        <v>156</v>
      </c>
      <c r="T33" s="22">
        <v>2790</v>
      </c>
      <c r="U33" s="22">
        <v>1025</v>
      </c>
      <c r="V33" s="22">
        <v>1269</v>
      </c>
    </row>
    <row r="34" spans="1:22" ht="18.75" x14ac:dyDescent="0.15">
      <c r="A34" s="16"/>
      <c r="B34" s="17" t="s">
        <v>39</v>
      </c>
      <c r="C34" s="18">
        <v>4336</v>
      </c>
      <c r="D34" s="19">
        <v>11519</v>
      </c>
      <c r="E34" s="19">
        <v>4325</v>
      </c>
      <c r="F34" s="19">
        <v>1072</v>
      </c>
      <c r="G34" s="19">
        <v>1357</v>
      </c>
      <c r="H34" s="19">
        <v>932</v>
      </c>
      <c r="I34" s="19">
        <v>649</v>
      </c>
      <c r="J34" s="19">
        <v>207</v>
      </c>
      <c r="K34" s="19">
        <v>74</v>
      </c>
      <c r="L34" s="20">
        <v>30</v>
      </c>
      <c r="M34" s="20">
        <v>4</v>
      </c>
      <c r="N34" s="20">
        <v>0</v>
      </c>
      <c r="O34" s="19">
        <v>0</v>
      </c>
      <c r="P34" s="19">
        <v>10899</v>
      </c>
      <c r="Q34" s="21">
        <v>2.52</v>
      </c>
      <c r="R34" s="19">
        <v>11</v>
      </c>
      <c r="S34" s="19">
        <v>620</v>
      </c>
      <c r="T34" s="22">
        <v>2736</v>
      </c>
      <c r="U34" s="22">
        <v>1014</v>
      </c>
      <c r="V34" s="22">
        <v>1324</v>
      </c>
    </row>
    <row r="35" spans="1:22" ht="18.75" x14ac:dyDescent="0.15">
      <c r="A35" s="16"/>
      <c r="B35" s="17" t="s">
        <v>40</v>
      </c>
      <c r="C35" s="18">
        <v>2116</v>
      </c>
      <c r="D35" s="19">
        <v>5646</v>
      </c>
      <c r="E35" s="19">
        <v>2113</v>
      </c>
      <c r="F35" s="19">
        <v>505</v>
      </c>
      <c r="G35" s="19">
        <v>678</v>
      </c>
      <c r="H35" s="19">
        <v>423</v>
      </c>
      <c r="I35" s="19">
        <v>292</v>
      </c>
      <c r="J35" s="19">
        <v>121</v>
      </c>
      <c r="K35" s="19">
        <v>60</v>
      </c>
      <c r="L35" s="20">
        <v>26</v>
      </c>
      <c r="M35" s="20">
        <v>8</v>
      </c>
      <c r="N35" s="20">
        <v>0</v>
      </c>
      <c r="O35" s="19">
        <v>0</v>
      </c>
      <c r="P35" s="19">
        <v>5509</v>
      </c>
      <c r="Q35" s="21">
        <v>2.61</v>
      </c>
      <c r="R35" s="19">
        <v>3</v>
      </c>
      <c r="S35" s="19">
        <v>137</v>
      </c>
      <c r="T35" s="22">
        <v>1237</v>
      </c>
      <c r="U35" s="22">
        <v>476</v>
      </c>
      <c r="V35" s="22">
        <v>557</v>
      </c>
    </row>
    <row r="36" spans="1:22" ht="18.75" x14ac:dyDescent="0.15">
      <c r="A36" s="16"/>
      <c r="B36" s="17" t="s">
        <v>41</v>
      </c>
      <c r="C36" s="18">
        <v>6247</v>
      </c>
      <c r="D36" s="19">
        <v>13967</v>
      </c>
      <c r="E36" s="19">
        <v>6241</v>
      </c>
      <c r="F36" s="19">
        <v>2335</v>
      </c>
      <c r="G36" s="19">
        <v>1760</v>
      </c>
      <c r="H36" s="19">
        <v>1063</v>
      </c>
      <c r="I36" s="19">
        <v>774</v>
      </c>
      <c r="J36" s="19">
        <v>228</v>
      </c>
      <c r="K36" s="19">
        <v>62</v>
      </c>
      <c r="L36" s="20">
        <v>14</v>
      </c>
      <c r="M36" s="20">
        <v>3</v>
      </c>
      <c r="N36" s="20">
        <v>1</v>
      </c>
      <c r="O36" s="19">
        <v>1</v>
      </c>
      <c r="P36" s="19">
        <v>13793</v>
      </c>
      <c r="Q36" s="21">
        <v>2.21</v>
      </c>
      <c r="R36" s="19">
        <v>6</v>
      </c>
      <c r="S36" s="19">
        <v>174</v>
      </c>
      <c r="T36" s="22">
        <v>3318</v>
      </c>
      <c r="U36" s="22">
        <v>1272</v>
      </c>
      <c r="V36" s="22">
        <v>1566</v>
      </c>
    </row>
    <row r="37" spans="1:22" ht="18.75" x14ac:dyDescent="0.15">
      <c r="A37" s="16"/>
      <c r="B37" s="17" t="s">
        <v>42</v>
      </c>
      <c r="C37" s="18">
        <v>2216</v>
      </c>
      <c r="D37" s="19">
        <v>5862</v>
      </c>
      <c r="E37" s="19">
        <v>2202</v>
      </c>
      <c r="F37" s="19">
        <v>746</v>
      </c>
      <c r="G37" s="19">
        <v>593</v>
      </c>
      <c r="H37" s="19">
        <v>397</v>
      </c>
      <c r="I37" s="19">
        <v>288</v>
      </c>
      <c r="J37" s="19">
        <v>105</v>
      </c>
      <c r="K37" s="19">
        <v>46</v>
      </c>
      <c r="L37" s="20">
        <v>18</v>
      </c>
      <c r="M37" s="20">
        <v>5</v>
      </c>
      <c r="N37" s="20">
        <v>4</v>
      </c>
      <c r="O37" s="19">
        <v>0</v>
      </c>
      <c r="P37" s="19">
        <v>5278</v>
      </c>
      <c r="Q37" s="21">
        <v>2.4</v>
      </c>
      <c r="R37" s="19">
        <v>14</v>
      </c>
      <c r="S37" s="19">
        <v>584</v>
      </c>
      <c r="T37" s="22">
        <v>1172</v>
      </c>
      <c r="U37" s="22">
        <v>452</v>
      </c>
      <c r="V37" s="22">
        <v>591</v>
      </c>
    </row>
    <row r="38" spans="1:22" ht="18.75" x14ac:dyDescent="0.15">
      <c r="A38" s="16"/>
      <c r="B38" s="17" t="s">
        <v>43</v>
      </c>
      <c r="C38" s="18">
        <v>2450</v>
      </c>
      <c r="D38" s="19">
        <v>6951</v>
      </c>
      <c r="E38" s="19">
        <v>2445</v>
      </c>
      <c r="F38" s="19">
        <v>476</v>
      </c>
      <c r="G38" s="19">
        <v>765</v>
      </c>
      <c r="H38" s="19">
        <v>526</v>
      </c>
      <c r="I38" s="19">
        <v>407</v>
      </c>
      <c r="J38" s="19">
        <v>172</v>
      </c>
      <c r="K38" s="19">
        <v>74</v>
      </c>
      <c r="L38" s="20">
        <v>18</v>
      </c>
      <c r="M38" s="20">
        <v>6</v>
      </c>
      <c r="N38" s="20">
        <v>1</v>
      </c>
      <c r="O38" s="19">
        <v>0</v>
      </c>
      <c r="P38" s="19">
        <v>6699</v>
      </c>
      <c r="Q38" s="21">
        <v>2.74</v>
      </c>
      <c r="R38" s="19">
        <v>5</v>
      </c>
      <c r="S38" s="19">
        <v>252</v>
      </c>
      <c r="T38" s="22">
        <v>1585</v>
      </c>
      <c r="U38" s="22">
        <v>573</v>
      </c>
      <c r="V38" s="22">
        <v>774</v>
      </c>
    </row>
    <row r="39" spans="1:22" ht="18.75" x14ac:dyDescent="0.15">
      <c r="A39" s="16"/>
      <c r="B39" s="17" t="s">
        <v>44</v>
      </c>
      <c r="C39" s="18">
        <v>2319</v>
      </c>
      <c r="D39" s="19">
        <v>6342</v>
      </c>
      <c r="E39" s="19">
        <v>2308</v>
      </c>
      <c r="F39" s="19">
        <v>496</v>
      </c>
      <c r="G39" s="19">
        <v>791</v>
      </c>
      <c r="H39" s="19">
        <v>472</v>
      </c>
      <c r="I39" s="19">
        <v>329</v>
      </c>
      <c r="J39" s="19">
        <v>126</v>
      </c>
      <c r="K39" s="19">
        <v>66</v>
      </c>
      <c r="L39" s="20">
        <v>17</v>
      </c>
      <c r="M39" s="20">
        <v>8</v>
      </c>
      <c r="N39" s="20">
        <v>3</v>
      </c>
      <c r="O39" s="19">
        <v>0</v>
      </c>
      <c r="P39" s="19">
        <v>6046</v>
      </c>
      <c r="Q39" s="21">
        <v>2.62</v>
      </c>
      <c r="R39" s="19">
        <v>11</v>
      </c>
      <c r="S39" s="19">
        <v>296</v>
      </c>
      <c r="T39" s="22">
        <v>1456</v>
      </c>
      <c r="U39" s="22">
        <v>573</v>
      </c>
      <c r="V39" s="22">
        <v>632</v>
      </c>
    </row>
    <row r="40" spans="1:22" ht="18.75" x14ac:dyDescent="0.15">
      <c r="A40" s="16"/>
      <c r="B40" s="17" t="s">
        <v>45</v>
      </c>
      <c r="C40" s="18">
        <v>1209</v>
      </c>
      <c r="D40" s="19">
        <v>3169</v>
      </c>
      <c r="E40" s="19">
        <v>1209</v>
      </c>
      <c r="F40" s="19">
        <v>258</v>
      </c>
      <c r="G40" s="19">
        <v>371</v>
      </c>
      <c r="H40" s="19">
        <v>291</v>
      </c>
      <c r="I40" s="19">
        <v>190</v>
      </c>
      <c r="J40" s="19">
        <v>74</v>
      </c>
      <c r="K40" s="19">
        <v>14</v>
      </c>
      <c r="L40" s="20">
        <v>8</v>
      </c>
      <c r="M40" s="20">
        <v>2</v>
      </c>
      <c r="N40" s="20">
        <v>0</v>
      </c>
      <c r="O40" s="19">
        <v>1</v>
      </c>
      <c r="P40" s="19">
        <v>3169</v>
      </c>
      <c r="Q40" s="21">
        <v>2.62</v>
      </c>
      <c r="R40" s="19">
        <v>0</v>
      </c>
      <c r="S40" s="19">
        <v>0</v>
      </c>
      <c r="T40" s="22">
        <v>782</v>
      </c>
      <c r="U40" s="22">
        <v>259</v>
      </c>
      <c r="V40" s="22">
        <v>381</v>
      </c>
    </row>
    <row r="41" spans="1:22" ht="18.75" x14ac:dyDescent="0.15">
      <c r="A41" s="16"/>
      <c r="B41" s="17" t="s">
        <v>46</v>
      </c>
      <c r="C41" s="18">
        <v>761</v>
      </c>
      <c r="D41" s="19">
        <v>2256</v>
      </c>
      <c r="E41" s="19">
        <v>758</v>
      </c>
      <c r="F41" s="19">
        <v>137</v>
      </c>
      <c r="G41" s="19">
        <v>230</v>
      </c>
      <c r="H41" s="19">
        <v>175</v>
      </c>
      <c r="I41" s="19">
        <v>109</v>
      </c>
      <c r="J41" s="19">
        <v>62</v>
      </c>
      <c r="K41" s="19">
        <v>31</v>
      </c>
      <c r="L41" s="20">
        <v>8</v>
      </c>
      <c r="M41" s="20">
        <v>5</v>
      </c>
      <c r="N41" s="20">
        <v>1</v>
      </c>
      <c r="O41" s="19">
        <v>0</v>
      </c>
      <c r="P41" s="19">
        <v>2159</v>
      </c>
      <c r="Q41" s="21">
        <v>2.85</v>
      </c>
      <c r="R41" s="19">
        <v>3</v>
      </c>
      <c r="S41" s="19">
        <v>97</v>
      </c>
      <c r="T41" s="22">
        <v>433</v>
      </c>
      <c r="U41" s="22">
        <v>165</v>
      </c>
      <c r="V41" s="22">
        <v>195</v>
      </c>
    </row>
    <row r="42" spans="1:22" ht="18.75" x14ac:dyDescent="0.15">
      <c r="A42" s="16"/>
      <c r="B42" s="17" t="s">
        <v>47</v>
      </c>
      <c r="C42" s="18">
        <v>1041</v>
      </c>
      <c r="D42" s="19">
        <v>2769</v>
      </c>
      <c r="E42" s="19">
        <v>1041</v>
      </c>
      <c r="F42" s="19">
        <v>214</v>
      </c>
      <c r="G42" s="19">
        <v>355</v>
      </c>
      <c r="H42" s="19">
        <v>216</v>
      </c>
      <c r="I42" s="19">
        <v>153</v>
      </c>
      <c r="J42" s="19">
        <v>54</v>
      </c>
      <c r="K42" s="19">
        <v>33</v>
      </c>
      <c r="L42" s="20">
        <v>14</v>
      </c>
      <c r="M42" s="20">
        <v>1</v>
      </c>
      <c r="N42" s="20">
        <v>0</v>
      </c>
      <c r="O42" s="19">
        <v>1</v>
      </c>
      <c r="P42" s="19">
        <v>2769</v>
      </c>
      <c r="Q42" s="21">
        <v>2.66</v>
      </c>
      <c r="R42" s="19">
        <v>0</v>
      </c>
      <c r="S42" s="19">
        <v>0</v>
      </c>
      <c r="T42" s="22">
        <v>653</v>
      </c>
      <c r="U42" s="22">
        <v>256</v>
      </c>
      <c r="V42" s="22">
        <v>292</v>
      </c>
    </row>
    <row r="43" spans="1:22" ht="18.75" x14ac:dyDescent="0.15">
      <c r="A43" s="16"/>
      <c r="B43" s="17" t="s">
        <v>48</v>
      </c>
      <c r="C43" s="18">
        <v>1134</v>
      </c>
      <c r="D43" s="19">
        <v>3064</v>
      </c>
      <c r="E43" s="19">
        <v>1133</v>
      </c>
      <c r="F43" s="19">
        <v>265</v>
      </c>
      <c r="G43" s="19">
        <v>337</v>
      </c>
      <c r="H43" s="19">
        <v>231</v>
      </c>
      <c r="I43" s="19">
        <v>189</v>
      </c>
      <c r="J43" s="19">
        <v>76</v>
      </c>
      <c r="K43" s="19">
        <v>28</v>
      </c>
      <c r="L43" s="20">
        <v>6</v>
      </c>
      <c r="M43" s="20">
        <v>1</v>
      </c>
      <c r="N43" s="20">
        <v>0</v>
      </c>
      <c r="O43" s="19">
        <v>0</v>
      </c>
      <c r="P43" s="19">
        <v>2986</v>
      </c>
      <c r="Q43" s="21">
        <v>2.64</v>
      </c>
      <c r="R43" s="19">
        <v>1</v>
      </c>
      <c r="S43" s="19">
        <v>78</v>
      </c>
      <c r="T43" s="22">
        <v>723</v>
      </c>
      <c r="U43" s="22">
        <v>239</v>
      </c>
      <c r="V43" s="22">
        <v>358</v>
      </c>
    </row>
    <row r="44" spans="1:22" ht="18.75" x14ac:dyDescent="0.15">
      <c r="A44" s="16"/>
      <c r="B44" s="17" t="s">
        <v>49</v>
      </c>
      <c r="C44" s="18">
        <v>4969</v>
      </c>
      <c r="D44" s="19">
        <v>12380</v>
      </c>
      <c r="E44" s="19">
        <v>4954</v>
      </c>
      <c r="F44" s="19">
        <v>1498</v>
      </c>
      <c r="G44" s="19">
        <v>1479</v>
      </c>
      <c r="H44" s="19">
        <v>941</v>
      </c>
      <c r="I44" s="19">
        <v>664</v>
      </c>
      <c r="J44" s="19">
        <v>250</v>
      </c>
      <c r="K44" s="19">
        <v>91</v>
      </c>
      <c r="L44" s="20">
        <v>22</v>
      </c>
      <c r="M44" s="20">
        <v>4</v>
      </c>
      <c r="N44" s="20">
        <v>3</v>
      </c>
      <c r="O44" s="19">
        <v>2</v>
      </c>
      <c r="P44" s="19">
        <v>11964</v>
      </c>
      <c r="Q44" s="21">
        <v>2.42</v>
      </c>
      <c r="R44" s="19">
        <v>15</v>
      </c>
      <c r="S44" s="19">
        <v>416</v>
      </c>
      <c r="T44" s="22">
        <v>2871</v>
      </c>
      <c r="U44" s="22">
        <v>1091</v>
      </c>
      <c r="V44" s="22">
        <v>1349</v>
      </c>
    </row>
    <row r="45" spans="1:22" ht="18.75" x14ac:dyDescent="0.15">
      <c r="A45" s="16"/>
      <c r="B45" s="17" t="s">
        <v>50</v>
      </c>
      <c r="C45" s="18">
        <v>1578</v>
      </c>
      <c r="D45" s="19">
        <v>4186</v>
      </c>
      <c r="E45" s="19">
        <v>1575</v>
      </c>
      <c r="F45" s="19">
        <v>426</v>
      </c>
      <c r="G45" s="19">
        <v>485</v>
      </c>
      <c r="H45" s="19">
        <v>332</v>
      </c>
      <c r="I45" s="19">
        <v>207</v>
      </c>
      <c r="J45" s="19">
        <v>82</v>
      </c>
      <c r="K45" s="19">
        <v>33</v>
      </c>
      <c r="L45" s="20">
        <v>6</v>
      </c>
      <c r="M45" s="20">
        <v>4</v>
      </c>
      <c r="N45" s="20">
        <v>0</v>
      </c>
      <c r="O45" s="19">
        <v>0</v>
      </c>
      <c r="P45" s="19">
        <v>3902</v>
      </c>
      <c r="Q45" s="21">
        <v>2.48</v>
      </c>
      <c r="R45" s="19">
        <v>3</v>
      </c>
      <c r="S45" s="19">
        <v>284</v>
      </c>
      <c r="T45" s="22">
        <v>925</v>
      </c>
      <c r="U45" s="22">
        <v>336</v>
      </c>
      <c r="V45" s="22">
        <v>435</v>
      </c>
    </row>
    <row r="46" spans="1:22" ht="18.75" x14ac:dyDescent="0.15">
      <c r="A46" s="16"/>
      <c r="B46" s="17" t="s">
        <v>51</v>
      </c>
      <c r="C46" s="18">
        <v>524</v>
      </c>
      <c r="D46" s="19">
        <v>1549</v>
      </c>
      <c r="E46" s="19">
        <v>524</v>
      </c>
      <c r="F46" s="19">
        <v>97</v>
      </c>
      <c r="G46" s="19">
        <v>140</v>
      </c>
      <c r="H46" s="19">
        <v>107</v>
      </c>
      <c r="I46" s="19">
        <v>102</v>
      </c>
      <c r="J46" s="19">
        <v>40</v>
      </c>
      <c r="K46" s="19">
        <v>26</v>
      </c>
      <c r="L46" s="20">
        <v>10</v>
      </c>
      <c r="M46" s="20">
        <v>1</v>
      </c>
      <c r="N46" s="20">
        <v>1</v>
      </c>
      <c r="O46" s="19">
        <v>0</v>
      </c>
      <c r="P46" s="19">
        <v>1549</v>
      </c>
      <c r="Q46" s="21">
        <v>2.96</v>
      </c>
      <c r="R46" s="19">
        <v>0</v>
      </c>
      <c r="S46" s="19">
        <v>0</v>
      </c>
      <c r="T46" s="22">
        <v>290</v>
      </c>
      <c r="U46" s="22">
        <v>89</v>
      </c>
      <c r="V46" s="22">
        <v>144</v>
      </c>
    </row>
    <row r="47" spans="1:22" ht="18.75" x14ac:dyDescent="0.15">
      <c r="A47" s="16"/>
      <c r="B47" s="17" t="s">
        <v>52</v>
      </c>
      <c r="C47" s="18">
        <v>1512</v>
      </c>
      <c r="D47" s="19">
        <v>2342</v>
      </c>
      <c r="E47" s="19">
        <v>1506</v>
      </c>
      <c r="F47" s="19">
        <v>1152</v>
      </c>
      <c r="G47" s="19">
        <v>134</v>
      </c>
      <c r="H47" s="19">
        <v>101</v>
      </c>
      <c r="I47" s="19">
        <v>72</v>
      </c>
      <c r="J47" s="19">
        <v>23</v>
      </c>
      <c r="K47" s="19">
        <v>18</v>
      </c>
      <c r="L47" s="20">
        <v>6</v>
      </c>
      <c r="M47" s="20">
        <v>0</v>
      </c>
      <c r="N47" s="20">
        <v>0</v>
      </c>
      <c r="O47" s="19">
        <v>0</v>
      </c>
      <c r="P47" s="19">
        <v>2276</v>
      </c>
      <c r="Q47" s="21">
        <v>1.51</v>
      </c>
      <c r="R47" s="19">
        <v>6</v>
      </c>
      <c r="S47" s="19">
        <v>66</v>
      </c>
      <c r="T47" s="22">
        <v>248</v>
      </c>
      <c r="U47" s="22">
        <v>92</v>
      </c>
      <c r="V47" s="22">
        <v>117</v>
      </c>
    </row>
    <row r="48" spans="1:22" ht="18.75" x14ac:dyDescent="0.15">
      <c r="A48" s="16"/>
      <c r="B48" s="17" t="s">
        <v>53</v>
      </c>
      <c r="C48" s="18">
        <v>1235</v>
      </c>
      <c r="D48" s="19">
        <v>3307</v>
      </c>
      <c r="E48" s="19">
        <v>1231</v>
      </c>
      <c r="F48" s="19">
        <v>375</v>
      </c>
      <c r="G48" s="19">
        <v>328</v>
      </c>
      <c r="H48" s="19">
        <v>206</v>
      </c>
      <c r="I48" s="19">
        <v>166</v>
      </c>
      <c r="J48" s="19">
        <v>90</v>
      </c>
      <c r="K48" s="19">
        <v>48</v>
      </c>
      <c r="L48" s="20">
        <v>15</v>
      </c>
      <c r="M48" s="20">
        <v>3</v>
      </c>
      <c r="N48" s="20">
        <v>0</v>
      </c>
      <c r="O48" s="19">
        <v>0</v>
      </c>
      <c r="P48" s="19">
        <v>3180</v>
      </c>
      <c r="Q48" s="21">
        <v>2.58</v>
      </c>
      <c r="R48" s="19">
        <v>4</v>
      </c>
      <c r="S48" s="19">
        <v>127</v>
      </c>
      <c r="T48" s="22">
        <v>616</v>
      </c>
      <c r="U48" s="22">
        <v>238</v>
      </c>
      <c r="V48" s="22">
        <v>275</v>
      </c>
    </row>
    <row r="49" spans="1:22" ht="18.75" x14ac:dyDescent="0.15">
      <c r="A49" s="16"/>
      <c r="B49" s="17" t="s">
        <v>54</v>
      </c>
      <c r="C49" s="18">
        <v>351</v>
      </c>
      <c r="D49" s="19">
        <v>971</v>
      </c>
      <c r="E49" s="19">
        <v>351</v>
      </c>
      <c r="F49" s="19">
        <v>83</v>
      </c>
      <c r="G49" s="19">
        <v>97</v>
      </c>
      <c r="H49" s="19">
        <v>75</v>
      </c>
      <c r="I49" s="19">
        <v>43</v>
      </c>
      <c r="J49" s="19">
        <v>32</v>
      </c>
      <c r="K49" s="19">
        <v>15</v>
      </c>
      <c r="L49" s="20">
        <v>3</v>
      </c>
      <c r="M49" s="20">
        <v>1</v>
      </c>
      <c r="N49" s="20">
        <v>2</v>
      </c>
      <c r="O49" s="19">
        <v>0</v>
      </c>
      <c r="P49" s="19">
        <v>971</v>
      </c>
      <c r="Q49" s="21">
        <v>2.77</v>
      </c>
      <c r="R49" s="19">
        <v>0</v>
      </c>
      <c r="S49" s="19">
        <v>0</v>
      </c>
      <c r="T49" s="22">
        <v>194</v>
      </c>
      <c r="U49" s="22">
        <v>69</v>
      </c>
      <c r="V49" s="22">
        <v>93</v>
      </c>
    </row>
    <row r="50" spans="1:22" ht="18.75" x14ac:dyDescent="0.15">
      <c r="A50" s="16"/>
      <c r="B50" s="17" t="s">
        <v>55</v>
      </c>
      <c r="C50" s="18">
        <v>1366</v>
      </c>
      <c r="D50" s="19">
        <v>3292</v>
      </c>
      <c r="E50" s="19">
        <v>1365</v>
      </c>
      <c r="F50" s="19">
        <v>376</v>
      </c>
      <c r="G50" s="19">
        <v>467</v>
      </c>
      <c r="H50" s="19">
        <v>279</v>
      </c>
      <c r="I50" s="19">
        <v>144</v>
      </c>
      <c r="J50" s="19">
        <v>65</v>
      </c>
      <c r="K50" s="19">
        <v>24</v>
      </c>
      <c r="L50" s="20">
        <v>7</v>
      </c>
      <c r="M50" s="20">
        <v>3</v>
      </c>
      <c r="N50" s="20">
        <v>0</v>
      </c>
      <c r="O50" s="19">
        <v>0</v>
      </c>
      <c r="P50" s="19">
        <v>3265</v>
      </c>
      <c r="Q50" s="21">
        <v>2.39</v>
      </c>
      <c r="R50" s="19">
        <v>1</v>
      </c>
      <c r="S50" s="19">
        <v>27</v>
      </c>
      <c r="T50" s="22">
        <v>815</v>
      </c>
      <c r="U50" s="22">
        <v>322</v>
      </c>
      <c r="V50" s="22">
        <v>322</v>
      </c>
    </row>
    <row r="51" spans="1:22" ht="18.75" x14ac:dyDescent="0.15">
      <c r="A51" s="16"/>
      <c r="B51" s="17" t="s">
        <v>56</v>
      </c>
      <c r="C51" s="18">
        <v>1486</v>
      </c>
      <c r="D51" s="19">
        <v>4099</v>
      </c>
      <c r="E51" s="19">
        <v>1477</v>
      </c>
      <c r="F51" s="19">
        <v>380</v>
      </c>
      <c r="G51" s="19">
        <v>482</v>
      </c>
      <c r="H51" s="19">
        <v>295</v>
      </c>
      <c r="I51" s="19">
        <v>211</v>
      </c>
      <c r="J51" s="19">
        <v>83</v>
      </c>
      <c r="K51" s="19">
        <v>16</v>
      </c>
      <c r="L51" s="20">
        <v>6</v>
      </c>
      <c r="M51" s="20">
        <v>3</v>
      </c>
      <c r="N51" s="20">
        <v>1</v>
      </c>
      <c r="O51" s="19">
        <v>0</v>
      </c>
      <c r="P51" s="19">
        <v>3659</v>
      </c>
      <c r="Q51" s="21">
        <v>2.48</v>
      </c>
      <c r="R51" s="19">
        <v>9</v>
      </c>
      <c r="S51" s="19">
        <v>440</v>
      </c>
      <c r="T51" s="22">
        <v>906</v>
      </c>
      <c r="U51" s="22">
        <v>342</v>
      </c>
      <c r="V51" s="22">
        <v>401</v>
      </c>
    </row>
    <row r="52" spans="1:22" ht="18.75" x14ac:dyDescent="0.15">
      <c r="A52" s="16"/>
      <c r="B52" s="17" t="s">
        <v>57</v>
      </c>
      <c r="C52" s="18">
        <v>687</v>
      </c>
      <c r="D52" s="19">
        <v>1826</v>
      </c>
      <c r="E52" s="19">
        <v>685</v>
      </c>
      <c r="F52" s="19">
        <v>157</v>
      </c>
      <c r="G52" s="19">
        <v>225</v>
      </c>
      <c r="H52" s="19">
        <v>138</v>
      </c>
      <c r="I52" s="19">
        <v>94</v>
      </c>
      <c r="J52" s="19">
        <v>37</v>
      </c>
      <c r="K52" s="19">
        <v>27</v>
      </c>
      <c r="L52" s="20">
        <v>5</v>
      </c>
      <c r="M52" s="20">
        <v>0</v>
      </c>
      <c r="N52" s="20">
        <v>1</v>
      </c>
      <c r="O52" s="19">
        <v>1</v>
      </c>
      <c r="P52" s="19">
        <v>1798</v>
      </c>
      <c r="Q52" s="21">
        <v>2.62</v>
      </c>
      <c r="R52" s="19">
        <v>2</v>
      </c>
      <c r="S52" s="19">
        <v>28</v>
      </c>
      <c r="T52" s="22">
        <v>402</v>
      </c>
      <c r="U52" s="22">
        <v>157</v>
      </c>
      <c r="V52" s="22">
        <v>167</v>
      </c>
    </row>
    <row r="53" spans="1:22" ht="18.75" x14ac:dyDescent="0.15">
      <c r="A53" s="16"/>
      <c r="B53" s="17" t="s">
        <v>58</v>
      </c>
      <c r="C53" s="18">
        <v>1450</v>
      </c>
      <c r="D53" s="19">
        <v>4049</v>
      </c>
      <c r="E53" s="19">
        <v>1446</v>
      </c>
      <c r="F53" s="19">
        <v>370</v>
      </c>
      <c r="G53" s="19">
        <v>434</v>
      </c>
      <c r="H53" s="19">
        <v>287</v>
      </c>
      <c r="I53" s="19">
        <v>213</v>
      </c>
      <c r="J53" s="19">
        <v>82</v>
      </c>
      <c r="K53" s="19">
        <v>43</v>
      </c>
      <c r="L53" s="20">
        <v>12</v>
      </c>
      <c r="M53" s="20">
        <v>4</v>
      </c>
      <c r="N53" s="20">
        <v>1</v>
      </c>
      <c r="O53" s="19">
        <v>0</v>
      </c>
      <c r="P53" s="19">
        <v>3744</v>
      </c>
      <c r="Q53" s="21">
        <v>2.59</v>
      </c>
      <c r="R53" s="19">
        <v>4</v>
      </c>
      <c r="S53" s="19">
        <v>305</v>
      </c>
      <c r="T53" s="22">
        <v>819</v>
      </c>
      <c r="U53" s="22">
        <v>312</v>
      </c>
      <c r="V53" s="22">
        <v>363</v>
      </c>
    </row>
    <row r="54" spans="1:22" ht="18.75" x14ac:dyDescent="0.15">
      <c r="A54" s="16"/>
      <c r="B54" s="17" t="s">
        <v>59</v>
      </c>
      <c r="C54" s="18">
        <v>537</v>
      </c>
      <c r="D54" s="19">
        <v>1590</v>
      </c>
      <c r="E54" s="19">
        <v>537</v>
      </c>
      <c r="F54" s="19">
        <v>84</v>
      </c>
      <c r="G54" s="19">
        <v>140</v>
      </c>
      <c r="H54" s="19">
        <v>127</v>
      </c>
      <c r="I54" s="19">
        <v>116</v>
      </c>
      <c r="J54" s="19">
        <v>44</v>
      </c>
      <c r="K54" s="19">
        <v>24</v>
      </c>
      <c r="L54" s="20">
        <v>1</v>
      </c>
      <c r="M54" s="20">
        <v>0</v>
      </c>
      <c r="N54" s="20">
        <v>0</v>
      </c>
      <c r="O54" s="19">
        <v>1</v>
      </c>
      <c r="P54" s="19">
        <v>1590</v>
      </c>
      <c r="Q54" s="21">
        <v>2.96</v>
      </c>
      <c r="R54" s="19">
        <v>0</v>
      </c>
      <c r="S54" s="19">
        <v>0</v>
      </c>
      <c r="T54" s="22">
        <v>346</v>
      </c>
      <c r="U54" s="22">
        <v>96</v>
      </c>
      <c r="V54" s="22">
        <v>201</v>
      </c>
    </row>
    <row r="55" spans="1:22" ht="18.75" x14ac:dyDescent="0.15">
      <c r="A55" s="16"/>
      <c r="B55" s="17" t="s">
        <v>60</v>
      </c>
      <c r="C55" s="18">
        <v>4387</v>
      </c>
      <c r="D55" s="19">
        <v>9659</v>
      </c>
      <c r="E55" s="19">
        <v>4377</v>
      </c>
      <c r="F55" s="19">
        <v>1930</v>
      </c>
      <c r="G55" s="19">
        <v>1102</v>
      </c>
      <c r="H55" s="19">
        <v>683</v>
      </c>
      <c r="I55" s="19">
        <v>478</v>
      </c>
      <c r="J55" s="19">
        <v>139</v>
      </c>
      <c r="K55" s="19">
        <v>34</v>
      </c>
      <c r="L55" s="20">
        <v>11</v>
      </c>
      <c r="M55" s="20">
        <v>0</v>
      </c>
      <c r="N55" s="20">
        <v>0</v>
      </c>
      <c r="O55" s="19">
        <v>0</v>
      </c>
      <c r="P55" s="19">
        <v>9071</v>
      </c>
      <c r="Q55" s="21">
        <v>2.0699999999999998</v>
      </c>
      <c r="R55" s="19">
        <v>10</v>
      </c>
      <c r="S55" s="19">
        <v>588</v>
      </c>
      <c r="T55" s="22">
        <v>2168</v>
      </c>
      <c r="U55" s="22">
        <v>756</v>
      </c>
      <c r="V55" s="22">
        <v>1024</v>
      </c>
    </row>
    <row r="56" spans="1:22" ht="18.75" x14ac:dyDescent="0.15">
      <c r="A56" s="16"/>
      <c r="B56" s="23" t="s">
        <v>61</v>
      </c>
      <c r="C56" s="24">
        <v>5439</v>
      </c>
      <c r="D56" s="25">
        <v>12529</v>
      </c>
      <c r="E56" s="25">
        <v>5410</v>
      </c>
      <c r="F56" s="25">
        <v>1856</v>
      </c>
      <c r="G56" s="26">
        <v>1556</v>
      </c>
      <c r="H56" s="26">
        <v>986</v>
      </c>
      <c r="I56" s="26">
        <v>712</v>
      </c>
      <c r="J56" s="26">
        <v>219</v>
      </c>
      <c r="K56" s="26">
        <v>61</v>
      </c>
      <c r="L56" s="26">
        <v>16</v>
      </c>
      <c r="M56" s="26">
        <v>3</v>
      </c>
      <c r="N56" s="26">
        <v>0</v>
      </c>
      <c r="O56" s="26">
        <v>1</v>
      </c>
      <c r="P56" s="26">
        <v>12381</v>
      </c>
      <c r="Q56" s="27">
        <v>2.29</v>
      </c>
      <c r="R56" s="26">
        <v>29</v>
      </c>
      <c r="S56" s="26">
        <v>148</v>
      </c>
      <c r="T56" s="28">
        <v>3037</v>
      </c>
      <c r="U56" s="28">
        <v>1092</v>
      </c>
      <c r="V56" s="28">
        <v>1473</v>
      </c>
    </row>
    <row r="57" spans="1:22" ht="18.75" x14ac:dyDescent="0.15">
      <c r="A57" s="11" t="s">
        <v>108</v>
      </c>
      <c r="B57" s="29"/>
      <c r="C57" s="30">
        <v>138691</v>
      </c>
      <c r="D57" s="30">
        <v>321666</v>
      </c>
      <c r="E57" s="30">
        <v>138412</v>
      </c>
      <c r="F57" s="30">
        <v>50090</v>
      </c>
      <c r="G57" s="30">
        <v>39037</v>
      </c>
      <c r="H57" s="30">
        <v>24180</v>
      </c>
      <c r="I57" s="30">
        <v>16759</v>
      </c>
      <c r="J57" s="30">
        <v>5563</v>
      </c>
      <c r="K57" s="30">
        <v>2026</v>
      </c>
      <c r="L57" s="30">
        <v>578</v>
      </c>
      <c r="M57" s="30">
        <v>128</v>
      </c>
      <c r="N57" s="30">
        <v>38</v>
      </c>
      <c r="O57" s="30">
        <v>13</v>
      </c>
      <c r="P57" s="30">
        <v>313255</v>
      </c>
      <c r="Q57" s="31">
        <v>2.2599999999999998</v>
      </c>
      <c r="R57" s="30">
        <v>279</v>
      </c>
      <c r="S57" s="30">
        <v>8411</v>
      </c>
      <c r="T57" s="32">
        <v>74260</v>
      </c>
      <c r="U57" s="33">
        <v>27886</v>
      </c>
      <c r="V57" s="33">
        <v>34326</v>
      </c>
    </row>
    <row r="58" spans="1:22" ht="18.75" x14ac:dyDescent="0.15">
      <c r="A58" s="11" t="s">
        <v>62</v>
      </c>
      <c r="B58" s="12" t="s">
        <v>63</v>
      </c>
      <c r="C58" s="18">
        <v>112</v>
      </c>
      <c r="D58" s="19">
        <v>290</v>
      </c>
      <c r="E58" s="19">
        <v>112</v>
      </c>
      <c r="F58" s="19">
        <v>31</v>
      </c>
      <c r="G58" s="19">
        <v>39</v>
      </c>
      <c r="H58" s="19">
        <v>17</v>
      </c>
      <c r="I58" s="19">
        <v>9</v>
      </c>
      <c r="J58" s="19">
        <v>7</v>
      </c>
      <c r="K58" s="19">
        <v>6</v>
      </c>
      <c r="L58" s="20">
        <v>1</v>
      </c>
      <c r="M58" s="20">
        <v>2</v>
      </c>
      <c r="N58" s="20">
        <v>0</v>
      </c>
      <c r="O58" s="19">
        <v>0</v>
      </c>
      <c r="P58" s="19">
        <v>290</v>
      </c>
      <c r="Q58" s="34">
        <v>2.59</v>
      </c>
      <c r="R58" s="19">
        <v>0</v>
      </c>
      <c r="S58" s="19">
        <v>0</v>
      </c>
      <c r="T58" s="22">
        <v>57</v>
      </c>
      <c r="U58" s="22">
        <v>25</v>
      </c>
      <c r="V58" s="22">
        <v>18</v>
      </c>
    </row>
    <row r="59" spans="1:22" ht="18.75" x14ac:dyDescent="0.15">
      <c r="A59" s="16"/>
      <c r="B59" s="17" t="s">
        <v>64</v>
      </c>
      <c r="C59" s="18">
        <v>95</v>
      </c>
      <c r="D59" s="19">
        <v>248</v>
      </c>
      <c r="E59" s="19">
        <v>95</v>
      </c>
      <c r="F59" s="19">
        <v>26</v>
      </c>
      <c r="G59" s="19">
        <v>25</v>
      </c>
      <c r="H59" s="19">
        <v>20</v>
      </c>
      <c r="I59" s="19">
        <v>13</v>
      </c>
      <c r="J59" s="19">
        <v>6</v>
      </c>
      <c r="K59" s="19">
        <v>5</v>
      </c>
      <c r="L59" s="20">
        <v>0</v>
      </c>
      <c r="M59" s="20">
        <v>0</v>
      </c>
      <c r="N59" s="20">
        <v>0</v>
      </c>
      <c r="O59" s="19">
        <v>0</v>
      </c>
      <c r="P59" s="19">
        <v>248</v>
      </c>
      <c r="Q59" s="21">
        <v>2.61</v>
      </c>
      <c r="R59" s="19">
        <v>0</v>
      </c>
      <c r="S59" s="19">
        <v>0</v>
      </c>
      <c r="T59" s="22">
        <v>47</v>
      </c>
      <c r="U59" s="22">
        <v>16</v>
      </c>
      <c r="V59" s="22">
        <v>22</v>
      </c>
    </row>
    <row r="60" spans="1:22" ht="18.75" x14ac:dyDescent="0.15">
      <c r="A60" s="16"/>
      <c r="B60" s="17" t="s">
        <v>121</v>
      </c>
      <c r="C60" s="18">
        <v>558</v>
      </c>
      <c r="D60" s="19">
        <v>1993</v>
      </c>
      <c r="E60" s="19">
        <v>547</v>
      </c>
      <c r="F60" s="19">
        <v>115</v>
      </c>
      <c r="G60" s="19">
        <v>149</v>
      </c>
      <c r="H60" s="19">
        <v>130</v>
      </c>
      <c r="I60" s="19">
        <v>73</v>
      </c>
      <c r="J60" s="19">
        <v>39</v>
      </c>
      <c r="K60" s="19">
        <v>25</v>
      </c>
      <c r="L60" s="20">
        <v>9</v>
      </c>
      <c r="M60" s="20">
        <v>4</v>
      </c>
      <c r="N60" s="20">
        <v>3</v>
      </c>
      <c r="O60" s="19">
        <v>0</v>
      </c>
      <c r="P60" s="19">
        <v>1562</v>
      </c>
      <c r="Q60" s="21">
        <v>2.86</v>
      </c>
      <c r="R60" s="19">
        <v>11</v>
      </c>
      <c r="S60" s="19">
        <v>431</v>
      </c>
      <c r="T60" s="22">
        <v>275</v>
      </c>
      <c r="U60" s="22">
        <v>105</v>
      </c>
      <c r="V60" s="22">
        <v>120</v>
      </c>
    </row>
    <row r="61" spans="1:22" ht="18.75" x14ac:dyDescent="0.15">
      <c r="A61" s="16"/>
      <c r="B61" s="17" t="s">
        <v>65</v>
      </c>
      <c r="C61" s="18">
        <v>4229</v>
      </c>
      <c r="D61" s="19">
        <v>11138</v>
      </c>
      <c r="E61" s="19">
        <v>4216</v>
      </c>
      <c r="F61" s="19">
        <v>1124</v>
      </c>
      <c r="G61" s="19">
        <v>1210</v>
      </c>
      <c r="H61" s="19">
        <v>882</v>
      </c>
      <c r="I61" s="19">
        <v>613</v>
      </c>
      <c r="J61" s="19">
        <v>240</v>
      </c>
      <c r="K61" s="19">
        <v>95</v>
      </c>
      <c r="L61" s="20">
        <v>43</v>
      </c>
      <c r="M61" s="20">
        <v>6</v>
      </c>
      <c r="N61" s="20">
        <v>3</v>
      </c>
      <c r="O61" s="19">
        <v>0</v>
      </c>
      <c r="P61" s="19">
        <v>10788</v>
      </c>
      <c r="Q61" s="21">
        <v>2.56</v>
      </c>
      <c r="R61" s="19">
        <v>13</v>
      </c>
      <c r="S61" s="19">
        <v>350</v>
      </c>
      <c r="T61" s="22">
        <v>2442</v>
      </c>
      <c r="U61" s="22">
        <v>834</v>
      </c>
      <c r="V61" s="22">
        <v>1158</v>
      </c>
    </row>
    <row r="62" spans="1:22" ht="18.75" x14ac:dyDescent="0.15">
      <c r="A62" s="16"/>
      <c r="B62" s="23" t="s">
        <v>66</v>
      </c>
      <c r="C62" s="35">
        <v>2689</v>
      </c>
      <c r="D62" s="36">
        <v>7331</v>
      </c>
      <c r="E62" s="36">
        <v>2684</v>
      </c>
      <c r="F62" s="36">
        <v>605</v>
      </c>
      <c r="G62" s="36">
        <v>766</v>
      </c>
      <c r="H62" s="36">
        <v>575</v>
      </c>
      <c r="I62" s="36">
        <v>495</v>
      </c>
      <c r="J62" s="36">
        <v>163</v>
      </c>
      <c r="K62" s="36">
        <v>60</v>
      </c>
      <c r="L62" s="26">
        <v>12</v>
      </c>
      <c r="M62" s="26">
        <v>7</v>
      </c>
      <c r="N62" s="26">
        <v>1</v>
      </c>
      <c r="O62" s="36">
        <v>0</v>
      </c>
      <c r="P62" s="36">
        <v>7166</v>
      </c>
      <c r="Q62" s="37">
        <v>2.67</v>
      </c>
      <c r="R62" s="36">
        <v>5</v>
      </c>
      <c r="S62" s="36">
        <v>165</v>
      </c>
      <c r="T62" s="38">
        <v>1717</v>
      </c>
      <c r="U62" s="38">
        <v>544</v>
      </c>
      <c r="V62" s="38">
        <v>933</v>
      </c>
    </row>
    <row r="63" spans="1:22" ht="18.75" x14ac:dyDescent="0.15">
      <c r="A63" s="11" t="s">
        <v>109</v>
      </c>
      <c r="B63" s="29"/>
      <c r="C63" s="39">
        <v>7683</v>
      </c>
      <c r="D63" s="39">
        <v>21000</v>
      </c>
      <c r="E63" s="39">
        <v>7654</v>
      </c>
      <c r="F63" s="39">
        <v>1901</v>
      </c>
      <c r="G63" s="39">
        <v>2189</v>
      </c>
      <c r="H63" s="39">
        <v>1624</v>
      </c>
      <c r="I63" s="39">
        <v>1203</v>
      </c>
      <c r="J63" s="39">
        <v>455</v>
      </c>
      <c r="K63" s="39">
        <v>191</v>
      </c>
      <c r="L63" s="39">
        <v>65</v>
      </c>
      <c r="M63" s="39">
        <v>19</v>
      </c>
      <c r="N63" s="39">
        <v>7</v>
      </c>
      <c r="O63" s="39">
        <v>0</v>
      </c>
      <c r="P63" s="39">
        <v>20054</v>
      </c>
      <c r="Q63" s="40">
        <v>2.62</v>
      </c>
      <c r="R63" s="39">
        <v>29</v>
      </c>
      <c r="S63" s="39">
        <v>946</v>
      </c>
      <c r="T63" s="39">
        <v>4538</v>
      </c>
      <c r="U63" s="39">
        <v>1524</v>
      </c>
      <c r="V63" s="39">
        <v>2251</v>
      </c>
    </row>
    <row r="64" spans="1:22" ht="18.75" x14ac:dyDescent="0.15">
      <c r="A64" s="11" t="s">
        <v>67</v>
      </c>
      <c r="B64" s="12" t="s">
        <v>68</v>
      </c>
      <c r="C64" s="41">
        <v>1001</v>
      </c>
      <c r="D64" s="42">
        <v>2506</v>
      </c>
      <c r="E64" s="42">
        <v>1001</v>
      </c>
      <c r="F64" s="42">
        <v>251</v>
      </c>
      <c r="G64" s="42">
        <v>341</v>
      </c>
      <c r="H64" s="42">
        <v>197</v>
      </c>
      <c r="I64" s="42">
        <v>121</v>
      </c>
      <c r="J64" s="42">
        <v>57</v>
      </c>
      <c r="K64" s="42">
        <v>26</v>
      </c>
      <c r="L64" s="42">
        <v>7</v>
      </c>
      <c r="M64" s="42">
        <v>1</v>
      </c>
      <c r="N64" s="42">
        <v>0</v>
      </c>
      <c r="O64" s="42">
        <v>0</v>
      </c>
      <c r="P64" s="42">
        <v>2506</v>
      </c>
      <c r="Q64" s="14">
        <v>2.5</v>
      </c>
      <c r="R64" s="42">
        <v>0</v>
      </c>
      <c r="S64" s="42">
        <v>0</v>
      </c>
      <c r="T64" s="43">
        <v>589</v>
      </c>
      <c r="U64" s="43">
        <v>219</v>
      </c>
      <c r="V64" s="43">
        <v>232</v>
      </c>
    </row>
    <row r="65" spans="1:22" ht="18.75" x14ac:dyDescent="0.15">
      <c r="A65" s="16"/>
      <c r="B65" s="17" t="s">
        <v>69</v>
      </c>
      <c r="C65" s="18">
        <v>359</v>
      </c>
      <c r="D65" s="19">
        <v>815</v>
      </c>
      <c r="E65" s="19">
        <v>346</v>
      </c>
      <c r="F65" s="19">
        <v>114</v>
      </c>
      <c r="G65" s="19">
        <v>110</v>
      </c>
      <c r="H65" s="19">
        <v>66</v>
      </c>
      <c r="I65" s="19">
        <v>28</v>
      </c>
      <c r="J65" s="19">
        <v>16</v>
      </c>
      <c r="K65" s="19">
        <v>8</v>
      </c>
      <c r="L65" s="20">
        <v>2</v>
      </c>
      <c r="M65" s="20">
        <v>2</v>
      </c>
      <c r="N65" s="20">
        <v>0</v>
      </c>
      <c r="O65" s="19">
        <v>0</v>
      </c>
      <c r="P65" s="19">
        <v>802</v>
      </c>
      <c r="Q65" s="21">
        <v>2.3199999999999998</v>
      </c>
      <c r="R65" s="19">
        <v>13</v>
      </c>
      <c r="S65" s="19">
        <v>13</v>
      </c>
      <c r="T65" s="22">
        <v>171</v>
      </c>
      <c r="U65" s="22">
        <v>74</v>
      </c>
      <c r="V65" s="22">
        <v>53</v>
      </c>
    </row>
    <row r="66" spans="1:22" ht="18.75" x14ac:dyDescent="0.15">
      <c r="A66" s="16"/>
      <c r="B66" s="17" t="s">
        <v>70</v>
      </c>
      <c r="C66" s="18">
        <v>1698</v>
      </c>
      <c r="D66" s="19">
        <v>4963</v>
      </c>
      <c r="E66" s="19">
        <v>1692</v>
      </c>
      <c r="F66" s="19">
        <v>325</v>
      </c>
      <c r="G66" s="19">
        <v>461</v>
      </c>
      <c r="H66" s="19">
        <v>400</v>
      </c>
      <c r="I66" s="19">
        <v>320</v>
      </c>
      <c r="J66" s="19">
        <v>114</v>
      </c>
      <c r="K66" s="19">
        <v>48</v>
      </c>
      <c r="L66" s="20">
        <v>20</v>
      </c>
      <c r="M66" s="20">
        <v>4</v>
      </c>
      <c r="N66" s="20">
        <v>0</v>
      </c>
      <c r="O66" s="19">
        <v>0</v>
      </c>
      <c r="P66" s="19">
        <v>4757</v>
      </c>
      <c r="Q66" s="21">
        <v>2.81</v>
      </c>
      <c r="R66" s="19">
        <v>6</v>
      </c>
      <c r="S66" s="19">
        <v>206</v>
      </c>
      <c r="T66" s="22">
        <v>1093</v>
      </c>
      <c r="U66" s="22">
        <v>334</v>
      </c>
      <c r="V66" s="22">
        <v>600</v>
      </c>
    </row>
    <row r="67" spans="1:22" ht="18.75" x14ac:dyDescent="0.15">
      <c r="A67" s="16"/>
      <c r="B67" s="23" t="s">
        <v>71</v>
      </c>
      <c r="C67" s="35">
        <v>358</v>
      </c>
      <c r="D67" s="36">
        <v>1037</v>
      </c>
      <c r="E67" s="36">
        <v>353</v>
      </c>
      <c r="F67" s="36">
        <v>130</v>
      </c>
      <c r="G67" s="36">
        <v>93</v>
      </c>
      <c r="H67" s="36">
        <v>58</v>
      </c>
      <c r="I67" s="36">
        <v>37</v>
      </c>
      <c r="J67" s="36">
        <v>18</v>
      </c>
      <c r="K67" s="36">
        <v>8</v>
      </c>
      <c r="L67" s="26">
        <v>6</v>
      </c>
      <c r="M67" s="26">
        <v>3</v>
      </c>
      <c r="N67" s="26">
        <v>0</v>
      </c>
      <c r="O67" s="36">
        <v>0</v>
      </c>
      <c r="P67" s="36">
        <v>842</v>
      </c>
      <c r="Q67" s="37">
        <v>2.39</v>
      </c>
      <c r="R67" s="36">
        <v>5</v>
      </c>
      <c r="S67" s="36">
        <v>195</v>
      </c>
      <c r="T67" s="38">
        <v>157</v>
      </c>
      <c r="U67" s="38">
        <v>65</v>
      </c>
      <c r="V67" s="38">
        <v>60</v>
      </c>
    </row>
    <row r="68" spans="1:22" ht="18.75" x14ac:dyDescent="0.15">
      <c r="A68" s="11" t="s">
        <v>110</v>
      </c>
      <c r="B68" s="29"/>
      <c r="C68" s="39">
        <v>3416</v>
      </c>
      <c r="D68" s="39">
        <v>9321</v>
      </c>
      <c r="E68" s="39">
        <v>3392</v>
      </c>
      <c r="F68" s="39">
        <v>820</v>
      </c>
      <c r="G68" s="39">
        <v>1005</v>
      </c>
      <c r="H68" s="39">
        <v>721</v>
      </c>
      <c r="I68" s="39">
        <v>506</v>
      </c>
      <c r="J68" s="39">
        <v>205</v>
      </c>
      <c r="K68" s="39">
        <v>90</v>
      </c>
      <c r="L68" s="39">
        <v>35</v>
      </c>
      <c r="M68" s="39">
        <v>10</v>
      </c>
      <c r="N68" s="39">
        <v>0</v>
      </c>
      <c r="O68" s="39">
        <v>0</v>
      </c>
      <c r="P68" s="39">
        <v>8907</v>
      </c>
      <c r="Q68" s="40">
        <v>2.63</v>
      </c>
      <c r="R68" s="39">
        <v>24</v>
      </c>
      <c r="S68" s="39">
        <v>414</v>
      </c>
      <c r="T68" s="39">
        <v>2010</v>
      </c>
      <c r="U68" s="39">
        <v>692</v>
      </c>
      <c r="V68" s="39">
        <v>945</v>
      </c>
    </row>
    <row r="69" spans="1:22" ht="18.75" x14ac:dyDescent="0.15">
      <c r="A69" s="11" t="s">
        <v>72</v>
      </c>
      <c r="B69" s="12" t="s">
        <v>73</v>
      </c>
      <c r="C69" s="41">
        <v>800</v>
      </c>
      <c r="D69" s="42">
        <v>1953</v>
      </c>
      <c r="E69" s="42">
        <v>798</v>
      </c>
      <c r="F69" s="42">
        <v>255</v>
      </c>
      <c r="G69" s="42">
        <v>247</v>
      </c>
      <c r="H69" s="42">
        <v>130</v>
      </c>
      <c r="I69" s="42">
        <v>85</v>
      </c>
      <c r="J69" s="42">
        <v>39</v>
      </c>
      <c r="K69" s="42">
        <v>28</v>
      </c>
      <c r="L69" s="42">
        <v>11</v>
      </c>
      <c r="M69" s="42">
        <v>2</v>
      </c>
      <c r="N69" s="42">
        <v>1</v>
      </c>
      <c r="O69" s="42">
        <v>0</v>
      </c>
      <c r="P69" s="42">
        <v>1944</v>
      </c>
      <c r="Q69" s="14">
        <v>2.44</v>
      </c>
      <c r="R69" s="42">
        <v>2</v>
      </c>
      <c r="S69" s="42">
        <v>9</v>
      </c>
      <c r="T69" s="43">
        <v>403</v>
      </c>
      <c r="U69" s="43">
        <v>164</v>
      </c>
      <c r="V69" s="43">
        <v>141</v>
      </c>
    </row>
    <row r="70" spans="1:22" ht="18.75" x14ac:dyDescent="0.15">
      <c r="A70" s="16"/>
      <c r="B70" s="17" t="s">
        <v>74</v>
      </c>
      <c r="C70" s="18">
        <v>2476</v>
      </c>
      <c r="D70" s="19">
        <v>6979</v>
      </c>
      <c r="E70" s="19">
        <v>2463</v>
      </c>
      <c r="F70" s="19">
        <v>693</v>
      </c>
      <c r="G70" s="19">
        <v>632</v>
      </c>
      <c r="H70" s="19">
        <v>465</v>
      </c>
      <c r="I70" s="19">
        <v>357</v>
      </c>
      <c r="J70" s="19">
        <v>185</v>
      </c>
      <c r="K70" s="19">
        <v>75</v>
      </c>
      <c r="L70" s="20">
        <v>44</v>
      </c>
      <c r="M70" s="20">
        <v>11</v>
      </c>
      <c r="N70" s="20">
        <v>1</v>
      </c>
      <c r="O70" s="19">
        <v>0</v>
      </c>
      <c r="P70" s="19">
        <v>6560</v>
      </c>
      <c r="Q70" s="21">
        <v>2.66</v>
      </c>
      <c r="R70" s="19">
        <v>13</v>
      </c>
      <c r="S70" s="19">
        <v>419</v>
      </c>
      <c r="T70" s="22">
        <v>1293</v>
      </c>
      <c r="U70" s="22">
        <v>434</v>
      </c>
      <c r="V70" s="22">
        <v>632</v>
      </c>
    </row>
    <row r="71" spans="1:22" ht="18.75" x14ac:dyDescent="0.15">
      <c r="A71" s="16"/>
      <c r="B71" s="17" t="s">
        <v>75</v>
      </c>
      <c r="C71" s="18">
        <v>2227</v>
      </c>
      <c r="D71" s="19">
        <v>6634</v>
      </c>
      <c r="E71" s="19">
        <v>2225</v>
      </c>
      <c r="F71" s="19">
        <v>396</v>
      </c>
      <c r="G71" s="19">
        <v>589</v>
      </c>
      <c r="H71" s="19">
        <v>500</v>
      </c>
      <c r="I71" s="19">
        <v>393</v>
      </c>
      <c r="J71" s="19">
        <v>184</v>
      </c>
      <c r="K71" s="19">
        <v>110</v>
      </c>
      <c r="L71" s="20">
        <v>36</v>
      </c>
      <c r="M71" s="20">
        <v>14</v>
      </c>
      <c r="N71" s="20">
        <v>3</v>
      </c>
      <c r="O71" s="19">
        <v>0</v>
      </c>
      <c r="P71" s="19">
        <v>6617</v>
      </c>
      <c r="Q71" s="21">
        <v>2.97</v>
      </c>
      <c r="R71" s="19">
        <v>2</v>
      </c>
      <c r="S71" s="19">
        <v>17</v>
      </c>
      <c r="T71" s="22">
        <v>1307</v>
      </c>
      <c r="U71" s="22">
        <v>427</v>
      </c>
      <c r="V71" s="22">
        <v>695</v>
      </c>
    </row>
    <row r="72" spans="1:22" ht="18.75" x14ac:dyDescent="0.15">
      <c r="A72" s="16"/>
      <c r="B72" s="17" t="s">
        <v>76</v>
      </c>
      <c r="C72" s="18">
        <v>276</v>
      </c>
      <c r="D72" s="19">
        <v>742</v>
      </c>
      <c r="E72" s="19">
        <v>276</v>
      </c>
      <c r="F72" s="19">
        <v>57</v>
      </c>
      <c r="G72" s="19">
        <v>98</v>
      </c>
      <c r="H72" s="19">
        <v>54</v>
      </c>
      <c r="I72" s="19">
        <v>32</v>
      </c>
      <c r="J72" s="19">
        <v>17</v>
      </c>
      <c r="K72" s="19">
        <v>13</v>
      </c>
      <c r="L72" s="20">
        <v>4</v>
      </c>
      <c r="M72" s="20">
        <v>1</v>
      </c>
      <c r="N72" s="20">
        <v>0</v>
      </c>
      <c r="O72" s="19">
        <v>0</v>
      </c>
      <c r="P72" s="19">
        <v>742</v>
      </c>
      <c r="Q72" s="21">
        <v>2.69</v>
      </c>
      <c r="R72" s="19">
        <v>0</v>
      </c>
      <c r="S72" s="19">
        <v>0</v>
      </c>
      <c r="T72" s="22">
        <v>150</v>
      </c>
      <c r="U72" s="22">
        <v>72</v>
      </c>
      <c r="V72" s="22">
        <v>50</v>
      </c>
    </row>
    <row r="73" spans="1:22" ht="18.75" x14ac:dyDescent="0.15">
      <c r="A73" s="16"/>
      <c r="B73" s="17" t="s">
        <v>77</v>
      </c>
      <c r="C73" s="18">
        <v>148</v>
      </c>
      <c r="D73" s="19">
        <v>388</v>
      </c>
      <c r="E73" s="19">
        <v>148</v>
      </c>
      <c r="F73" s="19">
        <v>26</v>
      </c>
      <c r="G73" s="19">
        <v>54</v>
      </c>
      <c r="H73" s="19">
        <v>38</v>
      </c>
      <c r="I73" s="19">
        <v>15</v>
      </c>
      <c r="J73" s="19">
        <v>11</v>
      </c>
      <c r="K73" s="19">
        <v>3</v>
      </c>
      <c r="L73" s="20">
        <v>1</v>
      </c>
      <c r="M73" s="20">
        <v>0</v>
      </c>
      <c r="N73" s="20">
        <v>0</v>
      </c>
      <c r="O73" s="19">
        <v>0</v>
      </c>
      <c r="P73" s="19">
        <v>388</v>
      </c>
      <c r="Q73" s="21">
        <v>2.62</v>
      </c>
      <c r="R73" s="19">
        <v>0</v>
      </c>
      <c r="S73" s="19">
        <v>0</v>
      </c>
      <c r="T73" s="43">
        <v>83</v>
      </c>
      <c r="U73" s="43">
        <v>37</v>
      </c>
      <c r="V73" s="43">
        <v>26</v>
      </c>
    </row>
    <row r="74" spans="1:22" ht="18.75" x14ac:dyDescent="0.15">
      <c r="A74" s="16"/>
      <c r="B74" s="17" t="s">
        <v>78</v>
      </c>
      <c r="C74" s="18">
        <v>371</v>
      </c>
      <c r="D74" s="19">
        <v>1131</v>
      </c>
      <c r="E74" s="19">
        <v>371</v>
      </c>
      <c r="F74" s="19">
        <v>48</v>
      </c>
      <c r="G74" s="19">
        <v>121</v>
      </c>
      <c r="H74" s="19">
        <v>71</v>
      </c>
      <c r="I74" s="19">
        <v>71</v>
      </c>
      <c r="J74" s="19">
        <v>30</v>
      </c>
      <c r="K74" s="19">
        <v>19</v>
      </c>
      <c r="L74" s="20">
        <v>8</v>
      </c>
      <c r="M74" s="20">
        <v>3</v>
      </c>
      <c r="N74" s="20">
        <v>0</v>
      </c>
      <c r="O74" s="19">
        <v>0</v>
      </c>
      <c r="P74" s="19">
        <v>1131</v>
      </c>
      <c r="Q74" s="21">
        <v>3.05</v>
      </c>
      <c r="R74" s="19">
        <v>0</v>
      </c>
      <c r="S74" s="19">
        <v>0</v>
      </c>
      <c r="T74" s="22">
        <v>231</v>
      </c>
      <c r="U74" s="22">
        <v>88</v>
      </c>
      <c r="V74" s="22">
        <v>102</v>
      </c>
    </row>
    <row r="75" spans="1:22" ht="18.75" x14ac:dyDescent="0.15">
      <c r="A75" s="16"/>
      <c r="B75" s="17" t="s">
        <v>79</v>
      </c>
      <c r="C75" s="18">
        <v>209</v>
      </c>
      <c r="D75" s="19">
        <v>677</v>
      </c>
      <c r="E75" s="19">
        <v>199</v>
      </c>
      <c r="F75" s="19">
        <v>51</v>
      </c>
      <c r="G75" s="19">
        <v>57</v>
      </c>
      <c r="H75" s="19">
        <v>37</v>
      </c>
      <c r="I75" s="19">
        <v>21</v>
      </c>
      <c r="J75" s="19">
        <v>14</v>
      </c>
      <c r="K75" s="19">
        <v>10</v>
      </c>
      <c r="L75" s="20">
        <v>6</v>
      </c>
      <c r="M75" s="20">
        <v>3</v>
      </c>
      <c r="N75" s="20">
        <v>0</v>
      </c>
      <c r="O75" s="19">
        <v>0</v>
      </c>
      <c r="P75" s="19">
        <v>556</v>
      </c>
      <c r="Q75" s="21">
        <v>2.79</v>
      </c>
      <c r="R75" s="19">
        <v>10</v>
      </c>
      <c r="S75" s="19">
        <v>121</v>
      </c>
      <c r="T75" s="22">
        <v>87</v>
      </c>
      <c r="U75" s="22">
        <v>39</v>
      </c>
      <c r="V75" s="22">
        <v>31</v>
      </c>
    </row>
    <row r="76" spans="1:22" ht="18.75" x14ac:dyDescent="0.15">
      <c r="A76" s="16"/>
      <c r="B76" s="17" t="s">
        <v>80</v>
      </c>
      <c r="C76" s="18">
        <v>58</v>
      </c>
      <c r="D76" s="19">
        <v>130</v>
      </c>
      <c r="E76" s="19">
        <v>58</v>
      </c>
      <c r="F76" s="19">
        <v>19</v>
      </c>
      <c r="G76" s="19">
        <v>16</v>
      </c>
      <c r="H76" s="19">
        <v>17</v>
      </c>
      <c r="I76" s="19">
        <v>4</v>
      </c>
      <c r="J76" s="19">
        <v>0</v>
      </c>
      <c r="K76" s="19">
        <v>2</v>
      </c>
      <c r="L76" s="20">
        <v>0</v>
      </c>
      <c r="M76" s="20">
        <v>0</v>
      </c>
      <c r="N76" s="20">
        <v>0</v>
      </c>
      <c r="O76" s="19">
        <v>0</v>
      </c>
      <c r="P76" s="19">
        <v>130</v>
      </c>
      <c r="Q76" s="21">
        <v>2.2400000000000002</v>
      </c>
      <c r="R76" s="19">
        <v>0</v>
      </c>
      <c r="S76" s="19">
        <v>0</v>
      </c>
      <c r="T76" s="22">
        <v>25</v>
      </c>
      <c r="U76" s="22">
        <v>14</v>
      </c>
      <c r="V76" s="22">
        <v>9</v>
      </c>
    </row>
    <row r="77" spans="1:22" ht="18.75" x14ac:dyDescent="0.15">
      <c r="A77" s="16"/>
      <c r="B77" s="23" t="s">
        <v>81</v>
      </c>
      <c r="C77" s="35">
        <v>26</v>
      </c>
      <c r="D77" s="36">
        <v>39</v>
      </c>
      <c r="E77" s="36">
        <v>26</v>
      </c>
      <c r="F77" s="36">
        <v>16</v>
      </c>
      <c r="G77" s="36">
        <v>9</v>
      </c>
      <c r="H77" s="36">
        <v>0</v>
      </c>
      <c r="I77" s="36">
        <v>0</v>
      </c>
      <c r="J77" s="36">
        <v>1</v>
      </c>
      <c r="K77" s="36">
        <v>0</v>
      </c>
      <c r="L77" s="26">
        <v>0</v>
      </c>
      <c r="M77" s="26">
        <v>0</v>
      </c>
      <c r="N77" s="26">
        <v>0</v>
      </c>
      <c r="O77" s="36">
        <v>0</v>
      </c>
      <c r="P77" s="36">
        <v>39</v>
      </c>
      <c r="Q77" s="37">
        <v>1.5</v>
      </c>
      <c r="R77" s="36">
        <v>0</v>
      </c>
      <c r="S77" s="36">
        <v>0</v>
      </c>
      <c r="T77" s="44">
        <v>10</v>
      </c>
      <c r="U77" s="44">
        <v>9</v>
      </c>
      <c r="V77" s="44">
        <v>1</v>
      </c>
    </row>
    <row r="78" spans="1:22" ht="18.75" x14ac:dyDescent="0.15">
      <c r="A78" s="11" t="s">
        <v>111</v>
      </c>
      <c r="B78" s="29"/>
      <c r="C78" s="39">
        <v>6591</v>
      </c>
      <c r="D78" s="39">
        <v>18673</v>
      </c>
      <c r="E78" s="39">
        <v>6564</v>
      </c>
      <c r="F78" s="39">
        <v>1561</v>
      </c>
      <c r="G78" s="39">
        <v>1823</v>
      </c>
      <c r="H78" s="39">
        <v>1312</v>
      </c>
      <c r="I78" s="39">
        <v>978</v>
      </c>
      <c r="J78" s="39">
        <v>481</v>
      </c>
      <c r="K78" s="39">
        <v>260</v>
      </c>
      <c r="L78" s="39">
        <v>110</v>
      </c>
      <c r="M78" s="39">
        <v>34</v>
      </c>
      <c r="N78" s="39">
        <v>5</v>
      </c>
      <c r="O78" s="39">
        <v>0</v>
      </c>
      <c r="P78" s="39">
        <v>18107</v>
      </c>
      <c r="Q78" s="40">
        <v>2.76</v>
      </c>
      <c r="R78" s="39">
        <v>27</v>
      </c>
      <c r="S78" s="39">
        <v>566</v>
      </c>
      <c r="T78" s="45">
        <v>3589</v>
      </c>
      <c r="U78" s="46">
        <v>1284</v>
      </c>
      <c r="V78" s="46">
        <v>1687</v>
      </c>
    </row>
    <row r="79" spans="1:22" ht="18.75" x14ac:dyDescent="0.15">
      <c r="A79" s="11" t="s">
        <v>82</v>
      </c>
      <c r="B79" s="12" t="s">
        <v>83</v>
      </c>
      <c r="C79" s="41">
        <v>4565</v>
      </c>
      <c r="D79" s="42">
        <v>11747</v>
      </c>
      <c r="E79" s="42">
        <v>4565</v>
      </c>
      <c r="F79" s="42">
        <v>1315</v>
      </c>
      <c r="G79" s="42">
        <v>1121</v>
      </c>
      <c r="H79" s="42">
        <v>895</v>
      </c>
      <c r="I79" s="42">
        <v>829</v>
      </c>
      <c r="J79" s="42">
        <v>289</v>
      </c>
      <c r="K79" s="42">
        <v>76</v>
      </c>
      <c r="L79" s="42">
        <v>34</v>
      </c>
      <c r="M79" s="42">
        <v>5</v>
      </c>
      <c r="N79" s="42">
        <v>0</v>
      </c>
      <c r="O79" s="42">
        <v>1</v>
      </c>
      <c r="P79" s="42">
        <v>11747</v>
      </c>
      <c r="Q79" s="14">
        <v>2.57</v>
      </c>
      <c r="R79" s="42">
        <v>0</v>
      </c>
      <c r="S79" s="42">
        <v>0</v>
      </c>
      <c r="T79" s="43">
        <v>2715</v>
      </c>
      <c r="U79" s="43">
        <v>799</v>
      </c>
      <c r="V79" s="43">
        <v>1524</v>
      </c>
    </row>
    <row r="80" spans="1:22" ht="18.75" x14ac:dyDescent="0.15">
      <c r="A80" s="16"/>
      <c r="B80" s="17" t="s">
        <v>84</v>
      </c>
      <c r="C80" s="18">
        <v>4527</v>
      </c>
      <c r="D80" s="19">
        <v>11870</v>
      </c>
      <c r="E80" s="19">
        <v>4518</v>
      </c>
      <c r="F80" s="19">
        <v>1226</v>
      </c>
      <c r="G80" s="19">
        <v>1135</v>
      </c>
      <c r="H80" s="19">
        <v>948</v>
      </c>
      <c r="I80" s="19">
        <v>832</v>
      </c>
      <c r="J80" s="19">
        <v>275</v>
      </c>
      <c r="K80" s="19">
        <v>75</v>
      </c>
      <c r="L80" s="20">
        <v>25</v>
      </c>
      <c r="M80" s="20">
        <v>2</v>
      </c>
      <c r="N80" s="20">
        <v>0</v>
      </c>
      <c r="O80" s="19">
        <v>0</v>
      </c>
      <c r="P80" s="19">
        <v>11684</v>
      </c>
      <c r="Q80" s="21">
        <v>2.59</v>
      </c>
      <c r="R80" s="19">
        <v>9</v>
      </c>
      <c r="S80" s="19">
        <v>186</v>
      </c>
      <c r="T80" s="22">
        <v>2817</v>
      </c>
      <c r="U80" s="22">
        <v>852</v>
      </c>
      <c r="V80" s="22">
        <v>1598</v>
      </c>
    </row>
    <row r="81" spans="1:22" ht="18.75" x14ac:dyDescent="0.15">
      <c r="A81" s="16"/>
      <c r="B81" s="17" t="s">
        <v>85</v>
      </c>
      <c r="C81" s="18">
        <v>452</v>
      </c>
      <c r="D81" s="19">
        <v>1358</v>
      </c>
      <c r="E81" s="19">
        <v>452</v>
      </c>
      <c r="F81" s="19">
        <v>88</v>
      </c>
      <c r="G81" s="19">
        <v>103</v>
      </c>
      <c r="H81" s="19">
        <v>94</v>
      </c>
      <c r="I81" s="19">
        <v>96</v>
      </c>
      <c r="J81" s="19">
        <v>42</v>
      </c>
      <c r="K81" s="19">
        <v>20</v>
      </c>
      <c r="L81" s="20">
        <v>5</v>
      </c>
      <c r="M81" s="20">
        <v>3</v>
      </c>
      <c r="N81" s="20">
        <v>1</v>
      </c>
      <c r="O81" s="19">
        <v>0</v>
      </c>
      <c r="P81" s="19">
        <v>1358</v>
      </c>
      <c r="Q81" s="21">
        <v>3</v>
      </c>
      <c r="R81" s="19">
        <v>0</v>
      </c>
      <c r="S81" s="19">
        <v>0</v>
      </c>
      <c r="T81" s="22">
        <v>237</v>
      </c>
      <c r="U81" s="22">
        <v>74</v>
      </c>
      <c r="V81" s="22">
        <v>125</v>
      </c>
    </row>
    <row r="82" spans="1:22" ht="18.75" x14ac:dyDescent="0.15">
      <c r="A82" s="16"/>
      <c r="B82" s="17" t="s">
        <v>86</v>
      </c>
      <c r="C82" s="18">
        <v>703</v>
      </c>
      <c r="D82" s="19">
        <v>2122</v>
      </c>
      <c r="E82" s="19">
        <v>703</v>
      </c>
      <c r="F82" s="19">
        <v>99</v>
      </c>
      <c r="G82" s="19">
        <v>186</v>
      </c>
      <c r="H82" s="19">
        <v>167</v>
      </c>
      <c r="I82" s="19">
        <v>160</v>
      </c>
      <c r="J82" s="19">
        <v>54</v>
      </c>
      <c r="K82" s="19">
        <v>21</v>
      </c>
      <c r="L82" s="20">
        <v>14</v>
      </c>
      <c r="M82" s="20">
        <v>2</v>
      </c>
      <c r="N82" s="20">
        <v>0</v>
      </c>
      <c r="O82" s="19">
        <v>0</v>
      </c>
      <c r="P82" s="19">
        <v>2122</v>
      </c>
      <c r="Q82" s="21">
        <v>3.02</v>
      </c>
      <c r="R82" s="19">
        <v>0</v>
      </c>
      <c r="S82" s="19">
        <v>0</v>
      </c>
      <c r="T82" s="22">
        <v>443</v>
      </c>
      <c r="U82" s="22">
        <v>137</v>
      </c>
      <c r="V82" s="22">
        <v>243</v>
      </c>
    </row>
    <row r="83" spans="1:22" ht="18.75" x14ac:dyDescent="0.15">
      <c r="A83" s="16"/>
      <c r="B83" s="17" t="s">
        <v>87</v>
      </c>
      <c r="C83" s="18">
        <v>1207</v>
      </c>
      <c r="D83" s="19">
        <v>3519</v>
      </c>
      <c r="E83" s="19">
        <v>1201</v>
      </c>
      <c r="F83" s="19">
        <v>245</v>
      </c>
      <c r="G83" s="19">
        <v>320</v>
      </c>
      <c r="H83" s="19">
        <v>268</v>
      </c>
      <c r="I83" s="19">
        <v>224</v>
      </c>
      <c r="J83" s="19">
        <v>93</v>
      </c>
      <c r="K83" s="19">
        <v>36</v>
      </c>
      <c r="L83" s="20">
        <v>9</v>
      </c>
      <c r="M83" s="20">
        <v>6</v>
      </c>
      <c r="N83" s="20">
        <v>0</v>
      </c>
      <c r="O83" s="19">
        <v>0</v>
      </c>
      <c r="P83" s="19">
        <v>3377</v>
      </c>
      <c r="Q83" s="21">
        <v>2.81</v>
      </c>
      <c r="R83" s="19">
        <v>6</v>
      </c>
      <c r="S83" s="19">
        <v>142</v>
      </c>
      <c r="T83" s="22">
        <v>740</v>
      </c>
      <c r="U83" s="22">
        <v>240</v>
      </c>
      <c r="V83" s="22">
        <v>400</v>
      </c>
    </row>
    <row r="84" spans="1:22" ht="18.75" x14ac:dyDescent="0.15">
      <c r="A84" s="16"/>
      <c r="B84" s="17" t="s">
        <v>88</v>
      </c>
      <c r="C84" s="18">
        <v>1291</v>
      </c>
      <c r="D84" s="19">
        <v>4297</v>
      </c>
      <c r="E84" s="19">
        <v>1278</v>
      </c>
      <c r="F84" s="19">
        <v>234</v>
      </c>
      <c r="G84" s="19">
        <v>405</v>
      </c>
      <c r="H84" s="19">
        <v>297</v>
      </c>
      <c r="I84" s="19">
        <v>203</v>
      </c>
      <c r="J84" s="19">
        <v>70</v>
      </c>
      <c r="K84" s="19">
        <v>47</v>
      </c>
      <c r="L84" s="20">
        <v>17</v>
      </c>
      <c r="M84" s="20">
        <v>4</v>
      </c>
      <c r="N84" s="20">
        <v>1</v>
      </c>
      <c r="O84" s="19">
        <v>0</v>
      </c>
      <c r="P84" s="19">
        <v>3539</v>
      </c>
      <c r="Q84" s="21">
        <v>2.77</v>
      </c>
      <c r="R84" s="19">
        <v>13</v>
      </c>
      <c r="S84" s="19">
        <v>758</v>
      </c>
      <c r="T84" s="22">
        <v>798</v>
      </c>
      <c r="U84" s="22">
        <v>269</v>
      </c>
      <c r="V84" s="22">
        <v>362</v>
      </c>
    </row>
    <row r="85" spans="1:22" ht="18.75" x14ac:dyDescent="0.15">
      <c r="A85" s="16"/>
      <c r="B85" s="17" t="s">
        <v>89</v>
      </c>
      <c r="C85" s="18">
        <v>413</v>
      </c>
      <c r="D85" s="19">
        <v>1256</v>
      </c>
      <c r="E85" s="19">
        <v>413</v>
      </c>
      <c r="F85" s="19">
        <v>60</v>
      </c>
      <c r="G85" s="19">
        <v>124</v>
      </c>
      <c r="H85" s="19">
        <v>86</v>
      </c>
      <c r="I85" s="19">
        <v>76</v>
      </c>
      <c r="J85" s="19">
        <v>33</v>
      </c>
      <c r="K85" s="19">
        <v>22</v>
      </c>
      <c r="L85" s="20">
        <v>7</v>
      </c>
      <c r="M85" s="20">
        <v>5</v>
      </c>
      <c r="N85" s="20">
        <v>0</v>
      </c>
      <c r="O85" s="19">
        <v>0</v>
      </c>
      <c r="P85" s="19">
        <v>1256</v>
      </c>
      <c r="Q85" s="21">
        <v>3.04</v>
      </c>
      <c r="R85" s="19">
        <v>0</v>
      </c>
      <c r="S85" s="19">
        <v>0</v>
      </c>
      <c r="T85" s="22">
        <v>233</v>
      </c>
      <c r="U85" s="22">
        <v>91</v>
      </c>
      <c r="V85" s="22">
        <v>106</v>
      </c>
    </row>
    <row r="86" spans="1:22" ht="18.75" x14ac:dyDescent="0.15">
      <c r="A86" s="16"/>
      <c r="B86" s="23" t="s">
        <v>90</v>
      </c>
      <c r="C86" s="35">
        <v>1551</v>
      </c>
      <c r="D86" s="36">
        <v>4634</v>
      </c>
      <c r="E86" s="36">
        <v>1551</v>
      </c>
      <c r="F86" s="36">
        <v>217</v>
      </c>
      <c r="G86" s="36">
        <v>441</v>
      </c>
      <c r="H86" s="36">
        <v>381</v>
      </c>
      <c r="I86" s="36">
        <v>307</v>
      </c>
      <c r="J86" s="36">
        <v>110</v>
      </c>
      <c r="K86" s="36">
        <v>61</v>
      </c>
      <c r="L86" s="26">
        <v>26</v>
      </c>
      <c r="M86" s="26">
        <v>6</v>
      </c>
      <c r="N86" s="26">
        <v>2</v>
      </c>
      <c r="O86" s="36">
        <v>0</v>
      </c>
      <c r="P86" s="36">
        <v>4634</v>
      </c>
      <c r="Q86" s="37">
        <v>2.99</v>
      </c>
      <c r="R86" s="36">
        <v>0</v>
      </c>
      <c r="S86" s="36">
        <v>0</v>
      </c>
      <c r="T86" s="38">
        <v>987</v>
      </c>
      <c r="U86" s="38">
        <v>314</v>
      </c>
      <c r="V86" s="38">
        <v>532</v>
      </c>
    </row>
    <row r="87" spans="1:22" ht="18.75" x14ac:dyDescent="0.15">
      <c r="A87" s="11" t="s">
        <v>112</v>
      </c>
      <c r="B87" s="29"/>
      <c r="C87" s="39">
        <v>14709</v>
      </c>
      <c r="D87" s="39">
        <v>40803</v>
      </c>
      <c r="E87" s="39">
        <v>14681</v>
      </c>
      <c r="F87" s="39">
        <v>3484</v>
      </c>
      <c r="G87" s="39">
        <v>3835</v>
      </c>
      <c r="H87" s="39">
        <v>3136</v>
      </c>
      <c r="I87" s="39">
        <v>2727</v>
      </c>
      <c r="J87" s="39">
        <v>966</v>
      </c>
      <c r="K87" s="39">
        <v>358</v>
      </c>
      <c r="L87" s="39">
        <v>137</v>
      </c>
      <c r="M87" s="39">
        <v>33</v>
      </c>
      <c r="N87" s="39">
        <v>4</v>
      </c>
      <c r="O87" s="39">
        <v>1</v>
      </c>
      <c r="P87" s="39">
        <v>39717</v>
      </c>
      <c r="Q87" s="40">
        <v>2.71</v>
      </c>
      <c r="R87" s="39">
        <v>28</v>
      </c>
      <c r="S87" s="39">
        <v>1086</v>
      </c>
      <c r="T87" s="39">
        <v>8970</v>
      </c>
      <c r="U87" s="39">
        <v>2776</v>
      </c>
      <c r="V87" s="39">
        <v>4890</v>
      </c>
    </row>
    <row r="88" spans="1:22" ht="18.75" x14ac:dyDescent="0.15">
      <c r="A88" s="11" t="s">
        <v>91</v>
      </c>
      <c r="B88" s="12" t="s">
        <v>92</v>
      </c>
      <c r="C88" s="47" t="s">
        <v>122</v>
      </c>
      <c r="D88" s="48" t="s">
        <v>122</v>
      </c>
      <c r="E88" s="48" t="s">
        <v>122</v>
      </c>
      <c r="F88" s="48" t="s">
        <v>122</v>
      </c>
      <c r="G88" s="48" t="s">
        <v>122</v>
      </c>
      <c r="H88" s="48" t="s">
        <v>122</v>
      </c>
      <c r="I88" s="48" t="s">
        <v>122</v>
      </c>
      <c r="J88" s="48" t="s">
        <v>122</v>
      </c>
      <c r="K88" s="48" t="s">
        <v>122</v>
      </c>
      <c r="L88" s="48" t="s">
        <v>122</v>
      </c>
      <c r="M88" s="48" t="s">
        <v>122</v>
      </c>
      <c r="N88" s="48" t="s">
        <v>122</v>
      </c>
      <c r="O88" s="48" t="s">
        <v>122</v>
      </c>
      <c r="P88" s="48" t="s">
        <v>122</v>
      </c>
      <c r="Q88" s="49" t="s">
        <v>122</v>
      </c>
      <c r="R88" s="48" t="s">
        <v>122</v>
      </c>
      <c r="S88" s="48" t="s">
        <v>122</v>
      </c>
      <c r="T88" s="50" t="s">
        <v>122</v>
      </c>
      <c r="U88" s="50" t="s">
        <v>122</v>
      </c>
      <c r="V88" s="50" t="s">
        <v>122</v>
      </c>
    </row>
    <row r="89" spans="1:22" ht="18.75" x14ac:dyDescent="0.15">
      <c r="A89" s="16"/>
      <c r="B89" s="17" t="s">
        <v>93</v>
      </c>
      <c r="C89" s="18">
        <v>287</v>
      </c>
      <c r="D89" s="19">
        <v>866</v>
      </c>
      <c r="E89" s="19">
        <v>287</v>
      </c>
      <c r="F89" s="19">
        <v>55</v>
      </c>
      <c r="G89" s="19">
        <v>79</v>
      </c>
      <c r="H89" s="19">
        <v>48</v>
      </c>
      <c r="I89" s="19">
        <v>49</v>
      </c>
      <c r="J89" s="19">
        <v>31</v>
      </c>
      <c r="K89" s="19">
        <v>18</v>
      </c>
      <c r="L89" s="20">
        <v>6</v>
      </c>
      <c r="M89" s="20">
        <v>1</v>
      </c>
      <c r="N89" s="20">
        <v>0</v>
      </c>
      <c r="O89" s="19">
        <v>0</v>
      </c>
      <c r="P89" s="19">
        <v>866</v>
      </c>
      <c r="Q89" s="21">
        <v>3.02</v>
      </c>
      <c r="R89" s="19">
        <v>0</v>
      </c>
      <c r="S89" s="19">
        <v>0</v>
      </c>
      <c r="T89" s="22">
        <v>138</v>
      </c>
      <c r="U89" s="22">
        <v>55</v>
      </c>
      <c r="V89" s="22">
        <v>54</v>
      </c>
    </row>
    <row r="90" spans="1:22" ht="18.75" x14ac:dyDescent="0.15">
      <c r="A90" s="16"/>
      <c r="B90" s="17" t="s">
        <v>94</v>
      </c>
      <c r="C90" s="51" t="s">
        <v>122</v>
      </c>
      <c r="D90" s="52" t="s">
        <v>122</v>
      </c>
      <c r="E90" s="52" t="s">
        <v>122</v>
      </c>
      <c r="F90" s="52" t="s">
        <v>122</v>
      </c>
      <c r="G90" s="52" t="s">
        <v>122</v>
      </c>
      <c r="H90" s="52" t="s">
        <v>122</v>
      </c>
      <c r="I90" s="52" t="s">
        <v>122</v>
      </c>
      <c r="J90" s="52" t="s">
        <v>122</v>
      </c>
      <c r="K90" s="52" t="s">
        <v>122</v>
      </c>
      <c r="L90" s="53" t="s">
        <v>122</v>
      </c>
      <c r="M90" s="53" t="s">
        <v>122</v>
      </c>
      <c r="N90" s="53" t="s">
        <v>122</v>
      </c>
      <c r="O90" s="52" t="s">
        <v>122</v>
      </c>
      <c r="P90" s="52" t="s">
        <v>122</v>
      </c>
      <c r="Q90" s="54" t="s">
        <v>122</v>
      </c>
      <c r="R90" s="52" t="s">
        <v>122</v>
      </c>
      <c r="S90" s="52" t="s">
        <v>122</v>
      </c>
      <c r="T90" s="55" t="s">
        <v>122</v>
      </c>
      <c r="U90" s="55" t="s">
        <v>122</v>
      </c>
      <c r="V90" s="55" t="s">
        <v>122</v>
      </c>
    </row>
    <row r="91" spans="1:22" ht="18.75" x14ac:dyDescent="0.15">
      <c r="A91" s="16"/>
      <c r="B91" s="23" t="s">
        <v>95</v>
      </c>
      <c r="C91" s="35">
        <v>58</v>
      </c>
      <c r="D91" s="36">
        <v>264</v>
      </c>
      <c r="E91" s="36">
        <v>57</v>
      </c>
      <c r="F91" s="36">
        <v>8</v>
      </c>
      <c r="G91" s="36">
        <v>14</v>
      </c>
      <c r="H91" s="36">
        <v>10</v>
      </c>
      <c r="I91" s="36">
        <v>10</v>
      </c>
      <c r="J91" s="36">
        <v>3</v>
      </c>
      <c r="K91" s="36">
        <v>6</v>
      </c>
      <c r="L91" s="26">
        <v>2</v>
      </c>
      <c r="M91" s="26">
        <v>3</v>
      </c>
      <c r="N91" s="26">
        <v>1</v>
      </c>
      <c r="O91" s="36">
        <v>0</v>
      </c>
      <c r="P91" s="36">
        <v>204</v>
      </c>
      <c r="Q91" s="37">
        <v>3.58</v>
      </c>
      <c r="R91" s="36">
        <v>1</v>
      </c>
      <c r="S91" s="36">
        <v>60</v>
      </c>
      <c r="T91" s="38">
        <v>22</v>
      </c>
      <c r="U91" s="38">
        <v>9</v>
      </c>
      <c r="V91" s="38">
        <v>7</v>
      </c>
    </row>
    <row r="92" spans="1:22" ht="18.75" x14ac:dyDescent="0.15">
      <c r="A92" s="11" t="s">
        <v>113</v>
      </c>
      <c r="B92" s="29"/>
      <c r="C92" s="39">
        <v>400</v>
      </c>
      <c r="D92" s="39">
        <v>1297</v>
      </c>
      <c r="E92" s="39">
        <v>399</v>
      </c>
      <c r="F92" s="39">
        <v>75</v>
      </c>
      <c r="G92" s="39">
        <v>108</v>
      </c>
      <c r="H92" s="39">
        <v>66</v>
      </c>
      <c r="I92" s="39">
        <v>68</v>
      </c>
      <c r="J92" s="39">
        <v>37</v>
      </c>
      <c r="K92" s="39">
        <v>30</v>
      </c>
      <c r="L92" s="39">
        <v>10</v>
      </c>
      <c r="M92" s="39">
        <v>4</v>
      </c>
      <c r="N92" s="39">
        <v>1</v>
      </c>
      <c r="O92" s="39">
        <v>0</v>
      </c>
      <c r="P92" s="39">
        <v>1237</v>
      </c>
      <c r="Q92" s="40">
        <v>3.1</v>
      </c>
      <c r="R92" s="39">
        <v>1</v>
      </c>
      <c r="S92" s="39">
        <v>60</v>
      </c>
      <c r="T92" s="39">
        <v>181</v>
      </c>
      <c r="U92" s="39">
        <v>70</v>
      </c>
      <c r="V92" s="39">
        <v>67</v>
      </c>
    </row>
    <row r="93" spans="1:22" ht="18.75" x14ac:dyDescent="0.15">
      <c r="A93" s="11" t="s">
        <v>96</v>
      </c>
      <c r="B93" s="12" t="s">
        <v>97</v>
      </c>
      <c r="C93" s="41">
        <v>324</v>
      </c>
      <c r="D93" s="42">
        <v>914</v>
      </c>
      <c r="E93" s="42">
        <v>323</v>
      </c>
      <c r="F93" s="42">
        <v>61</v>
      </c>
      <c r="G93" s="42">
        <v>107</v>
      </c>
      <c r="H93" s="42">
        <v>69</v>
      </c>
      <c r="I93" s="42">
        <v>42</v>
      </c>
      <c r="J93" s="42">
        <v>29</v>
      </c>
      <c r="K93" s="42">
        <v>8</v>
      </c>
      <c r="L93" s="42">
        <v>5</v>
      </c>
      <c r="M93" s="42">
        <v>1</v>
      </c>
      <c r="N93" s="42">
        <v>0</v>
      </c>
      <c r="O93" s="42">
        <v>1</v>
      </c>
      <c r="P93" s="42">
        <v>897</v>
      </c>
      <c r="Q93" s="14">
        <v>2.78</v>
      </c>
      <c r="R93" s="42">
        <v>1</v>
      </c>
      <c r="S93" s="42">
        <v>17</v>
      </c>
      <c r="T93" s="43">
        <v>188</v>
      </c>
      <c r="U93" s="43">
        <v>73</v>
      </c>
      <c r="V93" s="43">
        <v>80</v>
      </c>
    </row>
    <row r="94" spans="1:22" ht="18.75" x14ac:dyDescent="0.15">
      <c r="A94" s="16"/>
      <c r="B94" s="23" t="s">
        <v>98</v>
      </c>
      <c r="C94" s="35">
        <v>103</v>
      </c>
      <c r="D94" s="36">
        <v>264</v>
      </c>
      <c r="E94" s="36">
        <v>103</v>
      </c>
      <c r="F94" s="36">
        <v>23</v>
      </c>
      <c r="G94" s="36">
        <v>39</v>
      </c>
      <c r="H94" s="36">
        <v>17</v>
      </c>
      <c r="I94" s="36">
        <v>13</v>
      </c>
      <c r="J94" s="36">
        <v>6</v>
      </c>
      <c r="K94" s="36">
        <v>5</v>
      </c>
      <c r="L94" s="26">
        <v>0</v>
      </c>
      <c r="M94" s="26">
        <v>0</v>
      </c>
      <c r="N94" s="26">
        <v>0</v>
      </c>
      <c r="O94" s="36">
        <v>0</v>
      </c>
      <c r="P94" s="36">
        <v>264</v>
      </c>
      <c r="Q94" s="37">
        <v>2.56</v>
      </c>
      <c r="R94" s="36">
        <v>0</v>
      </c>
      <c r="S94" s="36">
        <v>0</v>
      </c>
      <c r="T94" s="38">
        <v>59</v>
      </c>
      <c r="U94" s="38">
        <v>28</v>
      </c>
      <c r="V94" s="38">
        <v>18</v>
      </c>
    </row>
    <row r="95" spans="1:22" ht="19.5" thickBot="1" x14ac:dyDescent="0.2">
      <c r="A95" s="11" t="s">
        <v>114</v>
      </c>
      <c r="B95" s="56"/>
      <c r="C95" s="57">
        <v>427</v>
      </c>
      <c r="D95" s="57">
        <v>1178</v>
      </c>
      <c r="E95" s="57">
        <v>426</v>
      </c>
      <c r="F95" s="57">
        <v>84</v>
      </c>
      <c r="G95" s="57">
        <v>146</v>
      </c>
      <c r="H95" s="57">
        <v>86</v>
      </c>
      <c r="I95" s="57">
        <v>55</v>
      </c>
      <c r="J95" s="57">
        <v>35</v>
      </c>
      <c r="K95" s="57">
        <v>13</v>
      </c>
      <c r="L95" s="57">
        <v>5</v>
      </c>
      <c r="M95" s="57">
        <v>1</v>
      </c>
      <c r="N95" s="57">
        <v>0</v>
      </c>
      <c r="O95" s="57">
        <v>1</v>
      </c>
      <c r="P95" s="57">
        <v>1161</v>
      </c>
      <c r="Q95" s="58">
        <v>2.73</v>
      </c>
      <c r="R95" s="57">
        <v>1</v>
      </c>
      <c r="S95" s="57">
        <v>17</v>
      </c>
      <c r="T95" s="57">
        <v>247</v>
      </c>
      <c r="U95" s="57">
        <v>101</v>
      </c>
      <c r="V95" s="57">
        <v>98</v>
      </c>
    </row>
    <row r="96" spans="1:22" ht="19.5" thickTop="1" x14ac:dyDescent="0.15">
      <c r="A96" s="60" t="s">
        <v>115</v>
      </c>
      <c r="B96" s="61"/>
      <c r="C96" s="62">
        <v>171917</v>
      </c>
      <c r="D96" s="62">
        <v>413938</v>
      </c>
      <c r="E96" s="62">
        <v>171528</v>
      </c>
      <c r="F96" s="62">
        <v>58015</v>
      </c>
      <c r="G96" s="62">
        <v>48143</v>
      </c>
      <c r="H96" s="62">
        <v>31125</v>
      </c>
      <c r="I96" s="62">
        <v>22296</v>
      </c>
      <c r="J96" s="62">
        <v>7742</v>
      </c>
      <c r="K96" s="62">
        <v>2968</v>
      </c>
      <c r="L96" s="62">
        <v>940</v>
      </c>
      <c r="M96" s="62">
        <v>229</v>
      </c>
      <c r="N96" s="62">
        <v>55</v>
      </c>
      <c r="O96" s="62">
        <v>15</v>
      </c>
      <c r="P96" s="62">
        <v>402438</v>
      </c>
      <c r="Q96" s="63">
        <v>2.35</v>
      </c>
      <c r="R96" s="62">
        <v>389</v>
      </c>
      <c r="S96" s="62">
        <v>11500</v>
      </c>
      <c r="T96" s="62">
        <v>93795</v>
      </c>
      <c r="U96" s="62">
        <v>34333</v>
      </c>
      <c r="V96" s="62">
        <v>44264</v>
      </c>
    </row>
    <row r="97" spans="1:19" ht="18.75" x14ac:dyDescent="0.4">
      <c r="A97" s="64" t="s">
        <v>124</v>
      </c>
      <c r="B97" s="65"/>
      <c r="C97" s="66"/>
      <c r="D97" s="65"/>
      <c r="E97" s="65"/>
      <c r="F97" s="67"/>
      <c r="G97" s="66"/>
      <c r="Q97" s="4"/>
      <c r="S97" s="59"/>
    </row>
    <row r="98" spans="1:19" ht="18.75" x14ac:dyDescent="0.4">
      <c r="A98" s="64" t="s">
        <v>125</v>
      </c>
      <c r="B98" s="65"/>
      <c r="C98" s="66"/>
      <c r="D98" s="65"/>
      <c r="E98" s="65"/>
      <c r="F98" s="67"/>
      <c r="G98" s="66"/>
    </row>
    <row r="99" spans="1:19" ht="15.75" x14ac:dyDescent="0.15">
      <c r="A99" s="86" t="s">
        <v>128</v>
      </c>
    </row>
  </sheetData>
  <autoFilter ref="A6:V96"/>
  <mergeCells count="17">
    <mergeCell ref="A1:T2"/>
    <mergeCell ref="A4:A6"/>
    <mergeCell ref="B4:B6"/>
    <mergeCell ref="C4:D4"/>
    <mergeCell ref="E4:Q4"/>
    <mergeCell ref="R4:S4"/>
    <mergeCell ref="V5:V6"/>
    <mergeCell ref="T4:V4"/>
    <mergeCell ref="C5:C6"/>
    <mergeCell ref="D5:D6"/>
    <mergeCell ref="E5:O5"/>
    <mergeCell ref="P5:P6"/>
    <mergeCell ref="Q5:Q6"/>
    <mergeCell ref="R5:R6"/>
    <mergeCell ref="S5:S6"/>
    <mergeCell ref="T5:T6"/>
    <mergeCell ref="U5:U6"/>
  </mergeCells>
  <phoneticPr fontId="3"/>
  <pageMargins left="0.70866141732283472" right="0.70866141732283472" top="0.74803149606299213" bottom="0.74803149606299213" header="0.31496062992125984" footer="0.31496062992125984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3（地区・地域別）</vt:lpstr>
      <vt:lpstr>'3（地区・地域別）'!Print_Area</vt:lpstr>
      <vt:lpstr>'3（地区・地域別）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3-03-01T02:08:15Z</cp:lastPrinted>
  <dcterms:created xsi:type="dcterms:W3CDTF">2022-03-09T00:37:14Z</dcterms:created>
  <dcterms:modified xsi:type="dcterms:W3CDTF">2023-03-06T04:54:32Z</dcterms:modified>
</cp:coreProperties>
</file>